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97C8A66" w14:textId="631F7F83" w:rsidR="009C3952" w:rsidRDefault="00086231" w:rsidP="009C3952">
      <w:pPr>
        <w:spacing w:line="276" w:lineRule="auto"/>
        <w:contextualSpacing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  <w:b/>
          <w:bCs/>
        </w:rPr>
        <w:t xml:space="preserve">Supplemental </w:t>
      </w:r>
      <w:r w:rsidR="009C3952" w:rsidRPr="007A3B7E">
        <w:rPr>
          <w:rFonts w:ascii="Times New Roman" w:hAnsi="Times New Roman" w:cs="Times New Roman"/>
          <w:b/>
          <w:bCs/>
        </w:rPr>
        <w:t xml:space="preserve">Table </w:t>
      </w:r>
      <w:r>
        <w:rPr>
          <w:rFonts w:ascii="Times New Roman" w:hAnsi="Times New Roman" w:cs="Times New Roman"/>
          <w:b/>
          <w:bCs/>
        </w:rPr>
        <w:t>1</w:t>
      </w:r>
      <w:r w:rsidR="009C3952">
        <w:rPr>
          <w:rFonts w:ascii="Times New Roman" w:hAnsi="Times New Roman" w:cs="Times New Roman"/>
          <w:b/>
          <w:bCs/>
        </w:rPr>
        <w:t>.</w:t>
      </w:r>
      <w:r w:rsidR="009C3952" w:rsidRPr="007A3B7E">
        <w:rPr>
          <w:rFonts w:ascii="Times New Roman" w:hAnsi="Times New Roman" w:cs="Times New Roman"/>
          <w:b/>
          <w:bCs/>
        </w:rPr>
        <w:t xml:space="preserve"> </w:t>
      </w:r>
      <w:r w:rsidR="009C3952">
        <w:rPr>
          <w:rFonts w:ascii="Times New Roman" w:hAnsi="Times New Roman" w:cs="Times New Roman"/>
        </w:rPr>
        <w:t xml:space="preserve">Responses to </w:t>
      </w:r>
      <w:proofErr w:type="spellStart"/>
      <w:r w:rsidR="009C3952">
        <w:rPr>
          <w:rFonts w:ascii="Times New Roman" w:hAnsi="Times New Roman" w:cs="Times New Roman"/>
        </w:rPr>
        <w:t>Freelist</w:t>
      </w:r>
      <w:proofErr w:type="spellEnd"/>
      <w:r w:rsidR="009C3952">
        <w:rPr>
          <w:rFonts w:ascii="Times New Roman" w:hAnsi="Times New Roman" w:cs="Times New Roman"/>
        </w:rPr>
        <w:t xml:space="preserve"> Interview Questions by Nationality, Age, Gender, Race, and Academic Level</w:t>
      </w:r>
      <w:r w:rsidR="009636C6">
        <w:rPr>
          <w:rFonts w:ascii="Times New Roman" w:hAnsi="Times New Roman" w:cs="Times New Roman"/>
        </w:rPr>
        <w:t xml:space="preserve"> (Question 1)</w:t>
      </w:r>
    </w:p>
    <w:p w14:paraId="09D628E0" w14:textId="77777777" w:rsidR="009C3952" w:rsidRDefault="009C3952" w:rsidP="009C3952">
      <w:pPr>
        <w:spacing w:line="276" w:lineRule="auto"/>
        <w:contextualSpacing/>
        <w:rPr>
          <w:rFonts w:ascii="Times New Roman" w:hAnsi="Times New Roman" w:cs="Times New Roman"/>
          <w:b/>
          <w:bCs/>
          <w:noProof/>
        </w:rPr>
      </w:pPr>
    </w:p>
    <w:tbl>
      <w:tblPr>
        <w:tblW w:w="14522" w:type="dxa"/>
        <w:tblInd w:w="-740" w:type="dxa"/>
        <w:tblLayout w:type="fixed"/>
        <w:tblCellMar>
          <w:left w:w="101" w:type="dxa"/>
          <w:right w:w="101" w:type="dxa"/>
        </w:tblCellMar>
        <w:tblLook w:val="04A0" w:firstRow="1" w:lastRow="0" w:firstColumn="1" w:lastColumn="0" w:noHBand="0" w:noVBand="1"/>
      </w:tblPr>
      <w:tblGrid>
        <w:gridCol w:w="1316"/>
        <w:gridCol w:w="561"/>
        <w:gridCol w:w="1317"/>
        <w:gridCol w:w="561"/>
        <w:gridCol w:w="1317"/>
        <w:gridCol w:w="561"/>
        <w:gridCol w:w="1367"/>
        <w:gridCol w:w="561"/>
        <w:gridCol w:w="1317"/>
        <w:gridCol w:w="561"/>
        <w:gridCol w:w="1317"/>
        <w:gridCol w:w="561"/>
        <w:gridCol w:w="1017"/>
        <w:gridCol w:w="16"/>
        <w:gridCol w:w="501"/>
        <w:gridCol w:w="39"/>
        <w:gridCol w:w="1080"/>
        <w:gridCol w:w="540"/>
        <w:gridCol w:w="12"/>
      </w:tblGrid>
      <w:tr w:rsidR="009C3952" w:rsidRPr="009C0B0A" w14:paraId="3622EC86" w14:textId="345E178B" w:rsidTr="002E06B6">
        <w:trPr>
          <w:trHeight w:val="264"/>
        </w:trPr>
        <w:tc>
          <w:tcPr>
            <w:tcW w:w="3755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7EAC73A" w14:textId="3F952FF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ationality</w:t>
            </w:r>
          </w:p>
        </w:tc>
        <w:tc>
          <w:tcPr>
            <w:tcW w:w="380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4EA0292" w14:textId="5912FE73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ex</w:t>
            </w:r>
          </w:p>
        </w:tc>
        <w:tc>
          <w:tcPr>
            <w:tcW w:w="375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0715051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ace</w:t>
            </w:r>
          </w:p>
        </w:tc>
        <w:tc>
          <w:tcPr>
            <w:tcW w:w="3205" w:type="dxa"/>
            <w:gridSpan w:val="7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18B9FB07" w14:textId="6704A4F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cademic Level</w:t>
            </w:r>
          </w:p>
        </w:tc>
      </w:tr>
      <w:tr w:rsidR="009C3952" w:rsidRPr="009C0B0A" w14:paraId="00261098" w14:textId="31DFF29E" w:rsidTr="002E06B6">
        <w:trPr>
          <w:trHeight w:val="264"/>
        </w:trPr>
        <w:tc>
          <w:tcPr>
            <w:tcW w:w="1877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4D893E3" w14:textId="23A9A454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S</w:t>
            </w:r>
          </w:p>
        </w:tc>
        <w:tc>
          <w:tcPr>
            <w:tcW w:w="1878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3AE690C" w14:textId="2FF77253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International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500B552" w14:textId="35B65EC9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M</w:t>
            </w: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le</w:t>
            </w:r>
          </w:p>
        </w:tc>
        <w:tc>
          <w:tcPr>
            <w:tcW w:w="192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738DAF6" w14:textId="548AB12A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Femal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B34F6D7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Whit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9EE9063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on-White</w:t>
            </w:r>
          </w:p>
        </w:tc>
        <w:tc>
          <w:tcPr>
            <w:tcW w:w="1534" w:type="dxa"/>
            <w:gridSpan w:val="3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4AE7E488" w14:textId="6E19BECF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Graduate</w:t>
            </w:r>
          </w:p>
        </w:tc>
        <w:tc>
          <w:tcPr>
            <w:tcW w:w="1671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776B5E47" w14:textId="6C9CAA4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ndergraduate</w:t>
            </w:r>
          </w:p>
        </w:tc>
      </w:tr>
      <w:tr w:rsidR="009C3952" w:rsidRPr="009C0B0A" w14:paraId="10576A8A" w14:textId="6D0CC38D" w:rsidTr="002E06B6">
        <w:trPr>
          <w:trHeight w:val="264"/>
        </w:trPr>
        <w:tc>
          <w:tcPr>
            <w:tcW w:w="1316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F57368A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FD42320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854666D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8EA61B5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2B304C5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8CAACE4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25790EE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45FB5BB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6CB9469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B0952F1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FBFB65F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8C45E03" w14:textId="77777777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017" w:type="dxa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5852AD86" w14:textId="1CDA8653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17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6179F4E" w14:textId="5600A681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119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15C1ED35" w14:textId="0A779F0E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52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1DB6D882" w14:textId="2E132531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</w:tr>
      <w:tr w:rsidR="009C3952" w:rsidRPr="009C0B0A" w14:paraId="611B2BFC" w14:textId="0A9CB671" w:rsidTr="002E06B6">
        <w:trPr>
          <w:trHeight w:val="264"/>
        </w:trPr>
        <w:tc>
          <w:tcPr>
            <w:tcW w:w="14522" w:type="dxa"/>
            <w:gridSpan w:val="19"/>
            <w:tcBorders>
              <w:top w:val="nil"/>
              <w:left w:val="nil"/>
              <w:bottom w:val="nil"/>
              <w:right w:val="nil"/>
            </w:tcBorders>
            <w:vAlign w:val="bottom"/>
          </w:tcPr>
          <w:p w14:paraId="390FBDE8" w14:textId="018DBD9B" w:rsidR="009C3952" w:rsidRPr="009C0B0A" w:rsidRDefault="009C3952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D91EB3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Question 1: In</w:t>
            </w:r>
            <w:r w:rsidRPr="00B51323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 xml:space="preserve"> this political climate, please list all the attitudes and feelings that come to mind when you think about the last four months.</w:t>
            </w:r>
          </w:p>
        </w:tc>
      </w:tr>
      <w:tr w:rsidR="002431C7" w:rsidRPr="009C0B0A" w14:paraId="137ACE89" w14:textId="2BF5313E" w:rsidTr="00706F24">
        <w:trPr>
          <w:gridAfter w:val="1"/>
          <w:wAfter w:w="12" w:type="dxa"/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6A735389" w14:textId="2386998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Uncertainty/Chaotic/Instabi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558ABAC" w14:textId="63F60B8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5BEDDD2" w14:textId="0CF6A8D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proofErr w:type="gramStart"/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xious</w:t>
            </w:r>
            <w:proofErr w:type="gramEnd"/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/Concerned/B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6509030" w14:textId="612EF4E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3</w:t>
            </w:r>
            <w:r w:rsidR="00E040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BB8658A" w14:textId="65076E6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Uncertainty/Chaotic/Instabi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C1C52C0" w14:textId="0A82533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6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59F4DB8" w14:textId="0A0889A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Uncertainty/Chaotic/Instabi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B7547A3" w14:textId="502CA08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D4A101A" w14:textId="0ABE31B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Uncertainty/Chaotic/Instabi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D58B81F" w14:textId="3D86485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F9C4EB5" w14:textId="639326E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proofErr w:type="gramStart"/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xious</w:t>
            </w:r>
            <w:proofErr w:type="gramEnd"/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/Concerned/B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A84609B" w14:textId="1F481CD9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5</w:t>
            </w:r>
          </w:p>
        </w:tc>
        <w:tc>
          <w:tcPr>
            <w:tcW w:w="1033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28098722" w14:textId="7C44CB9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Uncertainty/Chaotic/Instability</w:t>
            </w:r>
          </w:p>
        </w:tc>
        <w:tc>
          <w:tcPr>
            <w:tcW w:w="540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162950DD" w14:textId="45A3360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6</w:t>
            </w:r>
          </w:p>
        </w:tc>
        <w:tc>
          <w:tcPr>
            <w:tcW w:w="1080" w:type="dxa"/>
            <w:tcBorders>
              <w:top w:val="nil"/>
              <w:left w:val="nil"/>
              <w:right w:val="single" w:sz="4" w:space="0" w:color="D9D9D9"/>
            </w:tcBorders>
          </w:tcPr>
          <w:p w14:paraId="701CF6A3" w14:textId="1B8070FE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proofErr w:type="gramStart"/>
            <w:r w:rsidRPr="00EE1DF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xious</w:t>
            </w:r>
            <w:proofErr w:type="gramEnd"/>
            <w:r w:rsidRPr="00EE1DF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/Concerned/Bad</w:t>
            </w:r>
          </w:p>
        </w:tc>
        <w:tc>
          <w:tcPr>
            <w:tcW w:w="540" w:type="dxa"/>
            <w:tcBorders>
              <w:top w:val="nil"/>
              <w:left w:val="nil"/>
              <w:right w:val="single" w:sz="4" w:space="0" w:color="D9D9D9"/>
            </w:tcBorders>
          </w:tcPr>
          <w:p w14:paraId="786EE7B2" w14:textId="0F6FDBF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EE1DF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</w:tr>
      <w:tr w:rsidR="002431C7" w:rsidRPr="009C0B0A" w14:paraId="02F3A562" w14:textId="51BB7F24" w:rsidTr="00706F24">
        <w:trPr>
          <w:gridAfter w:val="1"/>
          <w:wAfter w:w="12" w:type="dxa"/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69522865" w14:textId="7DBB76D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6353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Anger/Aggression/Adversarial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FE4A79A" w14:textId="7125475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1FE6A8E" w14:textId="6DB85C2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6353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Afraid/Doom/Dre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84A987D" w14:textId="0012350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0C8B126" w14:textId="6922DA2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proofErr w:type="gramStart"/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xious</w:t>
            </w:r>
            <w:proofErr w:type="gramEnd"/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/Concerned/B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E40F26B" w14:textId="21B8CDB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CA0D720" w14:textId="0495816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proofErr w:type="gramStart"/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xious</w:t>
            </w:r>
            <w:proofErr w:type="gramEnd"/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/Concerned/B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169C1D1" w14:textId="5B16FE2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13D2492" w14:textId="2C877BC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proofErr w:type="gramStart"/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xious</w:t>
            </w:r>
            <w:proofErr w:type="gramEnd"/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/Concerned/B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1B0F757" w14:textId="64A3B3E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D0D99A7" w14:textId="773919A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Uncertainty/Chaotic/Instabi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DCC555C" w14:textId="649AF89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0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3EBAA2C4" w14:textId="76425E3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proofErr w:type="gramStart"/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xious</w:t>
            </w:r>
            <w:proofErr w:type="gramEnd"/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/Concerned/Bad</w:t>
            </w:r>
          </w:p>
        </w:tc>
        <w:tc>
          <w:tcPr>
            <w:tcW w:w="540" w:type="dxa"/>
            <w:gridSpan w:val="2"/>
            <w:tcBorders>
              <w:left w:val="nil"/>
              <w:right w:val="single" w:sz="4" w:space="0" w:color="D9D9D9"/>
            </w:tcBorders>
          </w:tcPr>
          <w:p w14:paraId="5A54327F" w14:textId="215CFFA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3</w:t>
            </w:r>
          </w:p>
        </w:tc>
        <w:tc>
          <w:tcPr>
            <w:tcW w:w="1080" w:type="dxa"/>
            <w:tcBorders>
              <w:left w:val="nil"/>
              <w:right w:val="single" w:sz="4" w:space="0" w:color="D9D9D9"/>
            </w:tcBorders>
          </w:tcPr>
          <w:p w14:paraId="6E4F1034" w14:textId="297B92F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EE1DF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Uncertainty/Chaotic/Instability</w:t>
            </w:r>
          </w:p>
        </w:tc>
        <w:tc>
          <w:tcPr>
            <w:tcW w:w="540" w:type="dxa"/>
            <w:tcBorders>
              <w:left w:val="nil"/>
              <w:right w:val="single" w:sz="4" w:space="0" w:color="D9D9D9"/>
            </w:tcBorders>
          </w:tcPr>
          <w:p w14:paraId="21095C13" w14:textId="493087D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EE1DF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2</w:t>
            </w:r>
          </w:p>
        </w:tc>
      </w:tr>
      <w:tr w:rsidR="002431C7" w:rsidRPr="009C0B0A" w14:paraId="6346CF95" w14:textId="7F1E1020" w:rsidTr="00706F24">
        <w:trPr>
          <w:gridAfter w:val="1"/>
          <w:wAfter w:w="12" w:type="dxa"/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581C56D9" w14:textId="1BCA66C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proofErr w:type="gramStart"/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xious</w:t>
            </w:r>
            <w:proofErr w:type="gramEnd"/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/Concerned/B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23CB027" w14:textId="3E2F5DE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D3EB988" w14:textId="54B5384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Uncertainty/Chaotic/Instabi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A608FCA" w14:textId="5589CAB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5791C1E" w14:textId="7918E71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tress/Tough/Te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238554E" w14:textId="40AFC9D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62D8A32" w14:textId="7691BC3B" w:rsidR="002431C7" w:rsidRPr="00C53EDC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Afraid/Doom/Dre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C1B797B" w14:textId="1C22322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5102AF2" w14:textId="28404EC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ger/Aggression/Adversarial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84C2F6C" w14:textId="461A83B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DC43432" w14:textId="023C5E3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ger/Aggression/Adversarial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B136CEE" w14:textId="60F6860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28C033F4" w14:textId="6B25CE4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Annoyed/Frustration/Indignant</w:t>
            </w:r>
          </w:p>
        </w:tc>
        <w:tc>
          <w:tcPr>
            <w:tcW w:w="540" w:type="dxa"/>
            <w:gridSpan w:val="2"/>
            <w:tcBorders>
              <w:left w:val="nil"/>
              <w:right w:val="single" w:sz="4" w:space="0" w:color="D9D9D9"/>
            </w:tcBorders>
          </w:tcPr>
          <w:p w14:paraId="287E3691" w14:textId="07C80089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080" w:type="dxa"/>
            <w:tcBorders>
              <w:left w:val="nil"/>
              <w:right w:val="single" w:sz="4" w:space="0" w:color="D9D9D9"/>
            </w:tcBorders>
          </w:tcPr>
          <w:p w14:paraId="4163C0D8" w14:textId="04C3087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EE1DF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ger/Aggression/Adversarial</w:t>
            </w:r>
          </w:p>
        </w:tc>
        <w:tc>
          <w:tcPr>
            <w:tcW w:w="540" w:type="dxa"/>
            <w:tcBorders>
              <w:left w:val="nil"/>
              <w:right w:val="single" w:sz="4" w:space="0" w:color="D9D9D9"/>
            </w:tcBorders>
          </w:tcPr>
          <w:p w14:paraId="3F5DA9EA" w14:textId="0C964C4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EE1DF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</w:tr>
      <w:tr w:rsidR="002431C7" w:rsidRPr="009C0B0A" w14:paraId="3A2360BF" w14:textId="074C4D74" w:rsidTr="00706F24">
        <w:trPr>
          <w:gridAfter w:val="1"/>
          <w:wAfter w:w="12" w:type="dxa"/>
          <w:trHeight w:val="1056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2E968157" w14:textId="3ED4B56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6353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Annoyed/Frustration/Indignan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EECA3E5" w14:textId="58834A2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758785C" w14:textId="473C3D6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6353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Unsure/Conflicted/Discomfor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80E380A" w14:textId="2233125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488B093" w14:textId="4B66F33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ger/Aggression/Adversarial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AEAC22D" w14:textId="32DE3D2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B284331" w14:textId="4FEF1AA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ger/Aggression/Adversarial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2A6789A" w14:textId="66EBF82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76DA8EC" w14:textId="6C80503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tress/Tough/Te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4F6650A" w14:textId="119191F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B8EFB7D" w14:textId="189977B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fraid/Doom/Dre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752AF7E" w14:textId="5291754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8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5F1BD74A" w14:textId="246779B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tress/Tough/Tense</w:t>
            </w:r>
          </w:p>
        </w:tc>
        <w:tc>
          <w:tcPr>
            <w:tcW w:w="540" w:type="dxa"/>
            <w:gridSpan w:val="2"/>
            <w:tcBorders>
              <w:left w:val="nil"/>
              <w:right w:val="single" w:sz="4" w:space="0" w:color="D9D9D9"/>
            </w:tcBorders>
          </w:tcPr>
          <w:p w14:paraId="1D287B23" w14:textId="1EC945F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080" w:type="dxa"/>
            <w:tcBorders>
              <w:left w:val="nil"/>
              <w:right w:val="single" w:sz="4" w:space="0" w:color="D9D9D9"/>
            </w:tcBorders>
          </w:tcPr>
          <w:p w14:paraId="16AAE98B" w14:textId="4929AB0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Unsure/Conflicted/Discomfort</w:t>
            </w:r>
          </w:p>
        </w:tc>
        <w:tc>
          <w:tcPr>
            <w:tcW w:w="540" w:type="dxa"/>
            <w:tcBorders>
              <w:left w:val="nil"/>
              <w:right w:val="single" w:sz="4" w:space="0" w:color="D9D9D9"/>
            </w:tcBorders>
          </w:tcPr>
          <w:p w14:paraId="15440DA5" w14:textId="7CF9869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EE1DF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</w:tr>
      <w:tr w:rsidR="002431C7" w:rsidRPr="009C0B0A" w14:paraId="634B7B54" w14:textId="6ECC36C0" w:rsidTr="00C53EDC">
        <w:trPr>
          <w:gridAfter w:val="1"/>
          <w:wAfter w:w="12" w:type="dxa"/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nil"/>
              <w:right w:val="single" w:sz="4" w:space="0" w:color="D9D9D9"/>
            </w:tcBorders>
          </w:tcPr>
          <w:p w14:paraId="7A434F7B" w14:textId="013F3E1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6353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tress/Tough/Tense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034D288F" w14:textId="3FC1D89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  <w:shd w:val="clear" w:color="auto" w:fill="E59EDC" w:themeFill="accent5" w:themeFillTint="66"/>
          </w:tcPr>
          <w:p w14:paraId="4219A7A0" w14:textId="6D0B8050" w:rsidR="002431C7" w:rsidRPr="00963534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96353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leepy/Tired/Exhausting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6D408F60" w14:textId="491F2C3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E06B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  <w:shd w:val="clear" w:color="auto" w:fill="E59EDC" w:themeFill="accent5" w:themeFillTint="66"/>
          </w:tcPr>
          <w:p w14:paraId="60C93615" w14:textId="478C665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ociopolitical decline/ Deportation/Misinformation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22CA629" w14:textId="12DBEB8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6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5EF4744" w14:textId="22DE057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Annoyed/Frustration/Indignant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678DC368" w14:textId="059B200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448E6677" w14:textId="314DE71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fraid/Doom/Dread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5FDBC79" w14:textId="14A60D5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  <w:shd w:val="clear" w:color="auto" w:fill="E59EDC" w:themeFill="accent5" w:themeFillTint="66"/>
          </w:tcPr>
          <w:p w14:paraId="12342E40" w14:textId="415B2CE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Disempowered/Hopeless/Unfair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76DEFAE1" w14:textId="61D699BE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02A1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033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0E7FF84A" w14:textId="30B47DE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nger/Aggression/Adversarial</w:t>
            </w:r>
          </w:p>
        </w:tc>
        <w:tc>
          <w:tcPr>
            <w:tcW w:w="540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6FF622A8" w14:textId="1AE7BAB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080" w:type="dxa"/>
            <w:tcBorders>
              <w:left w:val="nil"/>
              <w:bottom w:val="nil"/>
              <w:right w:val="single" w:sz="4" w:space="0" w:color="D9D9D9"/>
            </w:tcBorders>
          </w:tcPr>
          <w:p w14:paraId="72F49F4E" w14:textId="5E9322E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Afraid/Doom/Dread</w:t>
            </w:r>
          </w:p>
        </w:tc>
        <w:tc>
          <w:tcPr>
            <w:tcW w:w="540" w:type="dxa"/>
            <w:tcBorders>
              <w:left w:val="nil"/>
              <w:bottom w:val="nil"/>
              <w:right w:val="single" w:sz="4" w:space="0" w:color="D9D9D9"/>
            </w:tcBorders>
          </w:tcPr>
          <w:p w14:paraId="2B5D4C5A" w14:textId="7B21B41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EE1DF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</w:tr>
    </w:tbl>
    <w:p w14:paraId="4094047A" w14:textId="77777777" w:rsidR="009C3952" w:rsidRDefault="009C3952"/>
    <w:p w14:paraId="5128A1DD" w14:textId="77777777" w:rsidR="006D270C" w:rsidRDefault="006D270C"/>
    <w:p w14:paraId="46938086" w14:textId="77777777" w:rsidR="009636C6" w:rsidRDefault="009636C6"/>
    <w:p w14:paraId="7EA3FA74" w14:textId="77777777" w:rsidR="009636C6" w:rsidRDefault="009636C6"/>
    <w:p w14:paraId="18DF79C1" w14:textId="77777777" w:rsidR="00086231" w:rsidRDefault="00086231"/>
    <w:p w14:paraId="2549936F" w14:textId="77777777" w:rsidR="006D270C" w:rsidRDefault="006D270C"/>
    <w:p w14:paraId="73CC3371" w14:textId="04C2AB5B" w:rsidR="009636C6" w:rsidRDefault="00086231" w:rsidP="00086231">
      <w:pPr>
        <w:spacing w:line="276" w:lineRule="auto"/>
        <w:ind w:hanging="360"/>
        <w:contextualSpacing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  <w:b/>
          <w:bCs/>
        </w:rPr>
        <w:lastRenderedPageBreak/>
        <w:t>Supplemental Table 1</w:t>
      </w:r>
      <w:r w:rsidR="009636C6">
        <w:rPr>
          <w:rFonts w:ascii="Times New Roman" w:hAnsi="Times New Roman" w:cs="Times New Roman"/>
          <w:b/>
          <w:bCs/>
        </w:rPr>
        <w:t xml:space="preserve"> (Continued).</w:t>
      </w:r>
      <w:r w:rsidR="009636C6" w:rsidRPr="007A3B7E">
        <w:rPr>
          <w:rFonts w:ascii="Times New Roman" w:hAnsi="Times New Roman" w:cs="Times New Roman"/>
          <w:b/>
          <w:bCs/>
        </w:rPr>
        <w:t xml:space="preserve"> </w:t>
      </w:r>
      <w:r w:rsidR="009636C6">
        <w:rPr>
          <w:rFonts w:ascii="Times New Roman" w:hAnsi="Times New Roman" w:cs="Times New Roman"/>
        </w:rPr>
        <w:t xml:space="preserve">Responses to </w:t>
      </w:r>
      <w:proofErr w:type="spellStart"/>
      <w:r w:rsidR="009636C6">
        <w:rPr>
          <w:rFonts w:ascii="Times New Roman" w:hAnsi="Times New Roman" w:cs="Times New Roman"/>
        </w:rPr>
        <w:t>Freelist</w:t>
      </w:r>
      <w:proofErr w:type="spellEnd"/>
      <w:r w:rsidR="009636C6">
        <w:rPr>
          <w:rFonts w:ascii="Times New Roman" w:hAnsi="Times New Roman" w:cs="Times New Roman"/>
        </w:rPr>
        <w:t xml:space="preserve"> Interview Questions by Nationality, Age, Gender, Race, and Academic Level (Question 2)</w:t>
      </w:r>
    </w:p>
    <w:p w14:paraId="1A48D643" w14:textId="77777777" w:rsidR="006D270C" w:rsidRDefault="006D270C"/>
    <w:tbl>
      <w:tblPr>
        <w:tblW w:w="14554" w:type="dxa"/>
        <w:tblInd w:w="-740" w:type="dxa"/>
        <w:tblLayout w:type="fixed"/>
        <w:tblCellMar>
          <w:left w:w="101" w:type="dxa"/>
          <w:right w:w="101" w:type="dxa"/>
        </w:tblCellMar>
        <w:tblLook w:val="04A0" w:firstRow="1" w:lastRow="0" w:firstColumn="1" w:lastColumn="0" w:noHBand="0" w:noVBand="1"/>
      </w:tblPr>
      <w:tblGrid>
        <w:gridCol w:w="1316"/>
        <w:gridCol w:w="561"/>
        <w:gridCol w:w="1317"/>
        <w:gridCol w:w="561"/>
        <w:gridCol w:w="1317"/>
        <w:gridCol w:w="561"/>
        <w:gridCol w:w="1367"/>
        <w:gridCol w:w="561"/>
        <w:gridCol w:w="1317"/>
        <w:gridCol w:w="561"/>
        <w:gridCol w:w="1317"/>
        <w:gridCol w:w="561"/>
        <w:gridCol w:w="1017"/>
        <w:gridCol w:w="16"/>
        <w:gridCol w:w="540"/>
        <w:gridCol w:w="22"/>
        <w:gridCol w:w="1058"/>
        <w:gridCol w:w="22"/>
        <w:gridCol w:w="530"/>
        <w:gridCol w:w="32"/>
      </w:tblGrid>
      <w:tr w:rsidR="006D270C" w:rsidRPr="009C0B0A" w14:paraId="68E19837" w14:textId="77777777" w:rsidTr="0098362F">
        <w:trPr>
          <w:gridAfter w:val="1"/>
          <w:wAfter w:w="32" w:type="dxa"/>
          <w:trHeight w:val="264"/>
        </w:trPr>
        <w:tc>
          <w:tcPr>
            <w:tcW w:w="3755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A5D857F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ationality</w:t>
            </w:r>
          </w:p>
        </w:tc>
        <w:tc>
          <w:tcPr>
            <w:tcW w:w="380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0D72650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ex</w:t>
            </w:r>
          </w:p>
        </w:tc>
        <w:tc>
          <w:tcPr>
            <w:tcW w:w="375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8E5A859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ace</w:t>
            </w:r>
          </w:p>
        </w:tc>
        <w:tc>
          <w:tcPr>
            <w:tcW w:w="3205" w:type="dxa"/>
            <w:gridSpan w:val="7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5D783DA4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cademic Level</w:t>
            </w:r>
          </w:p>
        </w:tc>
      </w:tr>
      <w:tr w:rsidR="006D270C" w:rsidRPr="009C0B0A" w14:paraId="52A951B3" w14:textId="77777777" w:rsidTr="0098362F">
        <w:trPr>
          <w:gridAfter w:val="1"/>
          <w:wAfter w:w="32" w:type="dxa"/>
          <w:trHeight w:val="264"/>
        </w:trPr>
        <w:tc>
          <w:tcPr>
            <w:tcW w:w="1877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1995571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S</w:t>
            </w:r>
          </w:p>
        </w:tc>
        <w:tc>
          <w:tcPr>
            <w:tcW w:w="1878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26F9342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International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D71488E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M</w:t>
            </w: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le</w:t>
            </w:r>
          </w:p>
        </w:tc>
        <w:tc>
          <w:tcPr>
            <w:tcW w:w="192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DF959E9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Femal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1FB0FE4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Whit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79D8C46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on-White</w:t>
            </w:r>
          </w:p>
        </w:tc>
        <w:tc>
          <w:tcPr>
            <w:tcW w:w="1573" w:type="dxa"/>
            <w:gridSpan w:val="3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621B293A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Graduate</w:t>
            </w:r>
          </w:p>
        </w:tc>
        <w:tc>
          <w:tcPr>
            <w:tcW w:w="1632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47098111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ndergraduate</w:t>
            </w:r>
          </w:p>
        </w:tc>
      </w:tr>
      <w:tr w:rsidR="006D270C" w:rsidRPr="009C0B0A" w14:paraId="4014F20E" w14:textId="77777777" w:rsidTr="0098362F">
        <w:trPr>
          <w:gridAfter w:val="1"/>
          <w:wAfter w:w="32" w:type="dxa"/>
          <w:trHeight w:val="264"/>
        </w:trPr>
        <w:tc>
          <w:tcPr>
            <w:tcW w:w="1316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4B028C7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5193196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290126C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C1F854A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049295F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1C4F1EA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B814DA9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A8D3A51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70311D1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BCF30FB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696CD8B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2584ED3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017" w:type="dxa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60D4BBE8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56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5C39A984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08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2B291EEC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52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639401C6" w14:textId="77777777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</w:tr>
      <w:tr w:rsidR="006D270C" w:rsidRPr="009C0B0A" w14:paraId="7BBD6C3E" w14:textId="77777777" w:rsidTr="0098362F">
        <w:trPr>
          <w:gridAfter w:val="1"/>
          <w:wAfter w:w="32" w:type="dxa"/>
          <w:trHeight w:val="264"/>
        </w:trPr>
        <w:tc>
          <w:tcPr>
            <w:tcW w:w="14522" w:type="dxa"/>
            <w:gridSpan w:val="19"/>
            <w:tcBorders>
              <w:top w:val="nil"/>
              <w:left w:val="nil"/>
              <w:bottom w:val="nil"/>
              <w:right w:val="nil"/>
            </w:tcBorders>
            <w:vAlign w:val="bottom"/>
          </w:tcPr>
          <w:p w14:paraId="7E96D6DA" w14:textId="623880F9" w:rsidR="006D270C" w:rsidRPr="009C0B0A" w:rsidRDefault="006D270C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D91EB3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 xml:space="preserve">Question 2: </w:t>
            </w:r>
            <w:r w:rsidRPr="001D7A66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Please list all the things that you are doing to take care of yourself and stay physically healthy over the last four months.</w:t>
            </w:r>
          </w:p>
        </w:tc>
      </w:tr>
      <w:tr w:rsidR="002431C7" w:rsidRPr="009C0B0A" w14:paraId="7371078B" w14:textId="77777777" w:rsidTr="00CE2DDE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2CEE7AE3" w14:textId="5E18596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37E2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Physical exerci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3ED33C0" w14:textId="66E2DF1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37E2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5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DE72C0F" w14:textId="5FFCEE5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E6D1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Physical exerci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8921716" w14:textId="6E4A5DF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E6D1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5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78C8673" w14:textId="413D79E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Physical exerci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50ED35A" w14:textId="317233B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5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8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4CEFAE9" w14:textId="5129AD2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6F0E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Physical exerci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37CA6F7" w14:textId="4C1C2C5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6F0E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5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01E4845" w14:textId="2CC63C6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Physical exerci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4C74053" w14:textId="220CEF2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5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AFBB860" w14:textId="4FC3A51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Physical exerci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5DCF70B" w14:textId="5D4F601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5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5</w:t>
            </w:r>
          </w:p>
        </w:tc>
        <w:tc>
          <w:tcPr>
            <w:tcW w:w="1033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48FE355D" w14:textId="27B444D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15E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Physical exercise</w:t>
            </w:r>
          </w:p>
        </w:tc>
        <w:tc>
          <w:tcPr>
            <w:tcW w:w="562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5B521EDA" w14:textId="6337BD6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15E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53</w:t>
            </w:r>
          </w:p>
        </w:tc>
        <w:tc>
          <w:tcPr>
            <w:tcW w:w="1080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78768AE0" w14:textId="5B55F32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8362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Physical exercise</w:t>
            </w:r>
          </w:p>
        </w:tc>
        <w:tc>
          <w:tcPr>
            <w:tcW w:w="562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76BAB2FA" w14:textId="78E90E0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8362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58</w:t>
            </w:r>
          </w:p>
        </w:tc>
      </w:tr>
      <w:tr w:rsidR="002431C7" w:rsidRPr="009C0B0A" w14:paraId="33B404C1" w14:textId="77777777" w:rsidTr="00CE2DDE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523B60E5" w14:textId="6729C3C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37E2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iet managemen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B0125B4" w14:textId="2C94C47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37E2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610558B" w14:textId="054F7764" w:rsidR="002431C7" w:rsidRPr="00C53EDC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Drinking enough water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BAE5F3B" w14:textId="740BD48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E6D1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B883AF1" w14:textId="6E7A81E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iet managemen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44A0798" w14:textId="3123EC8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20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712161B" w14:textId="46E4000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6F0E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iet managemen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BE6D304" w14:textId="064BB15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6F0E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8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13A05B1" w14:textId="4C07E4B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iet managemen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9F9047C" w14:textId="6F45854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2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12DD0D4" w14:textId="1FA0AEA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iet managemen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5B13ACE" w14:textId="5917D82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7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5B29D4A4" w14:textId="49C223F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15E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iet management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6ECF6F51" w14:textId="2DCC0F6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15E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7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26EE6B2A" w14:textId="0B5DD18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8362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iet management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23920419" w14:textId="534C938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8362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1</w:t>
            </w:r>
          </w:p>
        </w:tc>
      </w:tr>
      <w:tr w:rsidR="002431C7" w:rsidRPr="009C0B0A" w14:paraId="3A10BE0E" w14:textId="77777777" w:rsidTr="00CE2DDE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1C273981" w14:textId="484814C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37E2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leep and res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7D5D817" w14:textId="6241AEB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37E2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1CFB61B" w14:textId="54A3E24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E6D1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iet managemen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88A1C27" w14:textId="0270CC8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E6D1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566BEB0" w14:textId="6CD5BBA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ersonal hygiene/Self car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1AE3A74" w14:textId="3E1E445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4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4057025" w14:textId="33E178C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leep and res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FAC2CE3" w14:textId="20DE286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6F0E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B42B43D" w14:textId="65DDAA7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ersonal hygiene/Self car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90975B5" w14:textId="02CD244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AF569A8" w14:textId="725A2ED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leep and res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3E3481E" w14:textId="12F5307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5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21528AEE" w14:textId="37EB244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Drinking enough water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76A892BE" w14:textId="5C5F977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15E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3C126B66" w14:textId="293BB78E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Time outside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29AF02F2" w14:textId="3BC3BF7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8362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4</w:t>
            </w:r>
          </w:p>
        </w:tc>
      </w:tr>
      <w:tr w:rsidR="002431C7" w:rsidRPr="009C0B0A" w14:paraId="08EFC491" w14:textId="77777777" w:rsidTr="003D23BE">
        <w:trPr>
          <w:trHeight w:val="1056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2F57E525" w14:textId="10515F8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ersonal hygiene/Self car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9FE8FE9" w14:textId="0CD7B59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37E2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  <w:shd w:val="clear" w:color="auto" w:fill="E59EDC" w:themeFill="accent5" w:themeFillTint="66"/>
          </w:tcPr>
          <w:p w14:paraId="15E3C4D3" w14:textId="2E2C0141" w:rsidR="002431C7" w:rsidRPr="00C53EDC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Nothing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E028AB2" w14:textId="2EE4D6C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E6D1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28FC9C6" w14:textId="5E8DD05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rinking enough water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13C751E" w14:textId="340C96D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4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765BE9E" w14:textId="6BE2AC7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6F0E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rinking enough water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54E6826" w14:textId="05C09ED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6F0E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BFE5A5A" w14:textId="03E0EE8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rinking enough water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7DCF714" w14:textId="244819E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2FF7F93" w14:textId="08C2C71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rinking enough water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ECE04EB" w14:textId="7D15C51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4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109F6F09" w14:textId="52DBBEA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15E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leep and rest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4F736092" w14:textId="5A41998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15E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4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184C92A4" w14:textId="72FD8D1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8362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leep and rest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4CA249A3" w14:textId="5F94040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8362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4</w:t>
            </w:r>
          </w:p>
        </w:tc>
      </w:tr>
      <w:tr w:rsidR="002431C7" w:rsidRPr="009C0B0A" w14:paraId="0F8702ED" w14:textId="77777777" w:rsidTr="003D23BE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nil"/>
              <w:right w:val="single" w:sz="4" w:space="0" w:color="D9D9D9"/>
            </w:tcBorders>
          </w:tcPr>
          <w:p w14:paraId="715493B0" w14:textId="1CCA53A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riends and family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54B2BCCC" w14:textId="4A5EFE6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37E2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3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6801D3AB" w14:textId="6938D71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E6D1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leep and rest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922471A" w14:textId="4CA7D50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E6D10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30E6D37" w14:textId="017F44A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Time outside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7B80965E" w14:textId="59160D4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460D7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3</w:t>
            </w:r>
          </w:p>
        </w:tc>
        <w:tc>
          <w:tcPr>
            <w:tcW w:w="136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0F15879E" w14:textId="71FFA3C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riends and family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4800686D" w14:textId="37D8334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6F0E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3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  <w:shd w:val="clear" w:color="auto" w:fill="E59EDC" w:themeFill="accent5" w:themeFillTint="66"/>
          </w:tcPr>
          <w:p w14:paraId="52B307FF" w14:textId="672C327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edications/Vitamins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394698C7" w14:textId="062DF4A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3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645FEDA5" w14:textId="335C9BFE" w:rsidR="002431C7" w:rsidRPr="00C53EDC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riends and family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4F2CCD99" w14:textId="2C0F7EE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3</w:t>
            </w:r>
          </w:p>
        </w:tc>
        <w:tc>
          <w:tcPr>
            <w:tcW w:w="1033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04D84DB0" w14:textId="532E57C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Therapy/Doctor's appointments</w:t>
            </w:r>
          </w:p>
        </w:tc>
        <w:tc>
          <w:tcPr>
            <w:tcW w:w="562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79290A03" w14:textId="728479F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15E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3</w:t>
            </w:r>
          </w:p>
        </w:tc>
        <w:tc>
          <w:tcPr>
            <w:tcW w:w="1080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36721452" w14:textId="04198DC9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C53EDC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ersonal hygiene/Self care</w:t>
            </w:r>
          </w:p>
        </w:tc>
        <w:tc>
          <w:tcPr>
            <w:tcW w:w="562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518251C0" w14:textId="4C6B604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98362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3</w:t>
            </w:r>
          </w:p>
        </w:tc>
      </w:tr>
    </w:tbl>
    <w:p w14:paraId="6537D7C5" w14:textId="77777777" w:rsidR="006D270C" w:rsidRDefault="006D270C"/>
    <w:p w14:paraId="2D2230CA" w14:textId="77777777" w:rsidR="00CF3703" w:rsidRDefault="00CF3703"/>
    <w:p w14:paraId="5E08CAB9" w14:textId="77777777" w:rsidR="00CF3703" w:rsidRDefault="00CF3703"/>
    <w:p w14:paraId="0758D704" w14:textId="77777777" w:rsidR="00CF3703" w:rsidRDefault="00CF3703"/>
    <w:p w14:paraId="2EABD168" w14:textId="77777777" w:rsidR="00CF3703" w:rsidRDefault="00CF3703"/>
    <w:p w14:paraId="19D6950F" w14:textId="77777777" w:rsidR="00CF3703" w:rsidRDefault="00CF3703"/>
    <w:p w14:paraId="08007D08" w14:textId="77777777" w:rsidR="00CF3703" w:rsidRDefault="00CF3703"/>
    <w:p w14:paraId="01383F74" w14:textId="6763E73D" w:rsidR="00CF3703" w:rsidRDefault="00086231" w:rsidP="00086231">
      <w:pPr>
        <w:spacing w:line="276" w:lineRule="auto"/>
        <w:ind w:hanging="360"/>
        <w:contextualSpacing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  <w:b/>
          <w:bCs/>
        </w:rPr>
        <w:lastRenderedPageBreak/>
        <w:t>Supplemental Table 1</w:t>
      </w:r>
      <w:r w:rsidR="00CF3703">
        <w:rPr>
          <w:rFonts w:ascii="Times New Roman" w:hAnsi="Times New Roman" w:cs="Times New Roman"/>
          <w:b/>
          <w:bCs/>
        </w:rPr>
        <w:t xml:space="preserve"> (Continued).</w:t>
      </w:r>
      <w:r w:rsidR="00CF3703" w:rsidRPr="007A3B7E">
        <w:rPr>
          <w:rFonts w:ascii="Times New Roman" w:hAnsi="Times New Roman" w:cs="Times New Roman"/>
          <w:b/>
          <w:bCs/>
        </w:rPr>
        <w:t xml:space="preserve"> </w:t>
      </w:r>
      <w:r w:rsidR="00CF3703">
        <w:rPr>
          <w:rFonts w:ascii="Times New Roman" w:hAnsi="Times New Roman" w:cs="Times New Roman"/>
        </w:rPr>
        <w:t xml:space="preserve">Responses to </w:t>
      </w:r>
      <w:proofErr w:type="spellStart"/>
      <w:r w:rsidR="00CF3703">
        <w:rPr>
          <w:rFonts w:ascii="Times New Roman" w:hAnsi="Times New Roman" w:cs="Times New Roman"/>
        </w:rPr>
        <w:t>Freelist</w:t>
      </w:r>
      <w:proofErr w:type="spellEnd"/>
      <w:r w:rsidR="00CF3703">
        <w:rPr>
          <w:rFonts w:ascii="Times New Roman" w:hAnsi="Times New Roman" w:cs="Times New Roman"/>
        </w:rPr>
        <w:t xml:space="preserve"> Interview Questions by Nationality, Age, Gender, Race, and Academic Level (Question 3)</w:t>
      </w:r>
    </w:p>
    <w:p w14:paraId="65E6ED9A" w14:textId="77777777" w:rsidR="00CF3703" w:rsidRDefault="00CF3703" w:rsidP="00CF3703"/>
    <w:tbl>
      <w:tblPr>
        <w:tblW w:w="14554" w:type="dxa"/>
        <w:tblInd w:w="-740" w:type="dxa"/>
        <w:tblLayout w:type="fixed"/>
        <w:tblCellMar>
          <w:left w:w="101" w:type="dxa"/>
          <w:right w:w="101" w:type="dxa"/>
        </w:tblCellMar>
        <w:tblLook w:val="04A0" w:firstRow="1" w:lastRow="0" w:firstColumn="1" w:lastColumn="0" w:noHBand="0" w:noVBand="1"/>
      </w:tblPr>
      <w:tblGrid>
        <w:gridCol w:w="1316"/>
        <w:gridCol w:w="561"/>
        <w:gridCol w:w="1317"/>
        <w:gridCol w:w="561"/>
        <w:gridCol w:w="1317"/>
        <w:gridCol w:w="561"/>
        <w:gridCol w:w="1367"/>
        <w:gridCol w:w="561"/>
        <w:gridCol w:w="1317"/>
        <w:gridCol w:w="561"/>
        <w:gridCol w:w="1317"/>
        <w:gridCol w:w="561"/>
        <w:gridCol w:w="1017"/>
        <w:gridCol w:w="16"/>
        <w:gridCol w:w="501"/>
        <w:gridCol w:w="61"/>
        <w:gridCol w:w="1058"/>
        <w:gridCol w:w="22"/>
        <w:gridCol w:w="530"/>
        <w:gridCol w:w="32"/>
      </w:tblGrid>
      <w:tr w:rsidR="00CF3703" w:rsidRPr="009C0B0A" w14:paraId="520BAB0E" w14:textId="77777777" w:rsidTr="00381B4B">
        <w:trPr>
          <w:gridAfter w:val="1"/>
          <w:wAfter w:w="32" w:type="dxa"/>
          <w:trHeight w:val="264"/>
        </w:trPr>
        <w:tc>
          <w:tcPr>
            <w:tcW w:w="3755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7360A15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ationality</w:t>
            </w:r>
          </w:p>
        </w:tc>
        <w:tc>
          <w:tcPr>
            <w:tcW w:w="380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F2DA478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ex</w:t>
            </w:r>
          </w:p>
        </w:tc>
        <w:tc>
          <w:tcPr>
            <w:tcW w:w="375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50B4518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ace</w:t>
            </w:r>
          </w:p>
        </w:tc>
        <w:tc>
          <w:tcPr>
            <w:tcW w:w="3205" w:type="dxa"/>
            <w:gridSpan w:val="7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0C6677B9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cademic Level</w:t>
            </w:r>
          </w:p>
        </w:tc>
      </w:tr>
      <w:tr w:rsidR="00CF3703" w:rsidRPr="009C0B0A" w14:paraId="693986D0" w14:textId="77777777" w:rsidTr="00381B4B">
        <w:trPr>
          <w:gridAfter w:val="1"/>
          <w:wAfter w:w="32" w:type="dxa"/>
          <w:trHeight w:val="264"/>
        </w:trPr>
        <w:tc>
          <w:tcPr>
            <w:tcW w:w="1877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4AE106E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S</w:t>
            </w:r>
          </w:p>
        </w:tc>
        <w:tc>
          <w:tcPr>
            <w:tcW w:w="1878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4B9055B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International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90F5325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M</w:t>
            </w: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le</w:t>
            </w:r>
          </w:p>
        </w:tc>
        <w:tc>
          <w:tcPr>
            <w:tcW w:w="192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BF5792D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Femal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33678CF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Whit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BC55F49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on-White</w:t>
            </w:r>
          </w:p>
        </w:tc>
        <w:tc>
          <w:tcPr>
            <w:tcW w:w="1534" w:type="dxa"/>
            <w:gridSpan w:val="3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DE5554E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Graduate</w:t>
            </w:r>
          </w:p>
        </w:tc>
        <w:tc>
          <w:tcPr>
            <w:tcW w:w="1671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22065D64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ndergraduate</w:t>
            </w:r>
          </w:p>
        </w:tc>
      </w:tr>
      <w:tr w:rsidR="00CF3703" w:rsidRPr="009C0B0A" w14:paraId="2DE1CC3F" w14:textId="77777777" w:rsidTr="00381B4B">
        <w:trPr>
          <w:gridAfter w:val="1"/>
          <w:wAfter w:w="32" w:type="dxa"/>
          <w:trHeight w:val="264"/>
        </w:trPr>
        <w:tc>
          <w:tcPr>
            <w:tcW w:w="1316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EF5D053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745D62C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D361D8A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01822E1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8FEF35F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7CB50FC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DEECCB5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D300AA7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7158CC6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0C6552F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3BEA9F7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48B43EC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017" w:type="dxa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6DB96A61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17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7D330D89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119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2A9B3C2E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52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20606A7C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</w:tr>
      <w:tr w:rsidR="00CF3703" w:rsidRPr="009C0B0A" w14:paraId="2EEF0192" w14:textId="77777777" w:rsidTr="00381B4B">
        <w:trPr>
          <w:gridAfter w:val="1"/>
          <w:wAfter w:w="32" w:type="dxa"/>
          <w:trHeight w:val="264"/>
        </w:trPr>
        <w:tc>
          <w:tcPr>
            <w:tcW w:w="14522" w:type="dxa"/>
            <w:gridSpan w:val="19"/>
            <w:tcBorders>
              <w:top w:val="nil"/>
              <w:left w:val="nil"/>
              <w:bottom w:val="nil"/>
              <w:right w:val="nil"/>
            </w:tcBorders>
            <w:vAlign w:val="bottom"/>
          </w:tcPr>
          <w:p w14:paraId="4A656560" w14:textId="1D9A9DDC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D91EB3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Question 3:</w:t>
            </w: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 xml:space="preserve"> </w:t>
            </w:r>
            <w:r w:rsidRPr="001D7A66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Please list all the things that you are doing to take care of yourself and stay mentally healthy over the last four months.</w:t>
            </w:r>
          </w:p>
        </w:tc>
      </w:tr>
      <w:tr w:rsidR="002431C7" w:rsidRPr="009C0B0A" w14:paraId="7F30CA46" w14:textId="77777777" w:rsidTr="00FC5F06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221C14E2" w14:textId="36308E9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ime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A59E996" w14:textId="064918C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8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662DDE8" w14:textId="73A4DA4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alking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9E7F2E3" w14:textId="2B13DBA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25DADA1" w14:textId="2565D7A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7216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alking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EDAD80D" w14:textId="4F0EABC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7216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1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C9F270A" w14:textId="1301E71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94295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ime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0A98CF1" w14:textId="2EAA8EC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94295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6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390B904" w14:textId="3D06693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ime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216A285" w14:textId="6983AA9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965C0E0" w14:textId="5628C309" w:rsidR="002431C7" w:rsidRPr="003D23BE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Talking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FA53540" w14:textId="4401B6D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0</w:t>
            </w:r>
          </w:p>
        </w:tc>
        <w:tc>
          <w:tcPr>
            <w:tcW w:w="1033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7FF8DD52" w14:textId="6C9211B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ime with support systems</w:t>
            </w:r>
          </w:p>
        </w:tc>
        <w:tc>
          <w:tcPr>
            <w:tcW w:w="562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094F8369" w14:textId="3B180CB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7</w:t>
            </w:r>
          </w:p>
        </w:tc>
        <w:tc>
          <w:tcPr>
            <w:tcW w:w="1080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4A7106EB" w14:textId="24FD66A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alking with support systems</w:t>
            </w:r>
          </w:p>
        </w:tc>
        <w:tc>
          <w:tcPr>
            <w:tcW w:w="562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6D2352EA" w14:textId="49FA659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0</w:t>
            </w:r>
          </w:p>
        </w:tc>
      </w:tr>
      <w:tr w:rsidR="002431C7" w:rsidRPr="009C0B0A" w14:paraId="63C9FFB7" w14:textId="77777777" w:rsidTr="00FC5F06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0DCCD598" w14:textId="7FDA421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alking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62AECEF" w14:textId="102174B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7D02F97" w14:textId="16578DA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ime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8BE987C" w14:textId="7723A30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2ECA4B6" w14:textId="00E1058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7216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ime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B77C7E3" w14:textId="539CE44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7216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8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D3C2D47" w14:textId="4B0AF81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94295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alking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8A1C028" w14:textId="6EE5DE6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94295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0557D52" w14:textId="3A002BE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herapy/Medication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AB594DF" w14:textId="7B348B2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31CFFEF" w14:textId="74CF09E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ime with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A935441" w14:textId="10D09A4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5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0114390E" w14:textId="3ABF9D9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alking with support systems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7FDD6FE0" w14:textId="09A605F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3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6D19E181" w14:textId="285747D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ime with support systems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14ED0448" w14:textId="0B509AC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6</w:t>
            </w:r>
          </w:p>
        </w:tc>
      </w:tr>
      <w:tr w:rsidR="002431C7" w:rsidRPr="009C0B0A" w14:paraId="60A8E311" w14:textId="77777777" w:rsidTr="00FC5F06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57640D36" w14:textId="732752E2" w:rsidR="002431C7" w:rsidRPr="003D23BE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Therapy/Medication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45BA284" w14:textId="348EC40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A7669E3" w14:textId="37E1CC7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hysical Activ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BC8EB53" w14:textId="51A1745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5F8C265" w14:textId="44EE5D6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Creating work/life/school boundari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3465E42" w14:textId="0781DCB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7216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D9ABAFB" w14:textId="7EDCF7BA" w:rsidR="002431C7" w:rsidRPr="003D23BE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Therapy/Medication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4040114" w14:textId="4421571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94295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8AA6190" w14:textId="33A1994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Creating work/life/school boundari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B6DB08D" w14:textId="69725F3E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A1ABF87" w14:textId="45BB063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herapy/Medication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F32819F" w14:textId="2DBB111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5FA399F6" w14:textId="640E3F9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Therapy/Medications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22564D1C" w14:textId="413F6C4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63D8DD5F" w14:textId="376CE28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indfulness Practices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11B17A2E" w14:textId="2E4FB67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</w:tr>
      <w:tr w:rsidR="002431C7" w:rsidRPr="009C0B0A" w14:paraId="3553A42F" w14:textId="77777777" w:rsidTr="00FC5F06">
        <w:trPr>
          <w:trHeight w:val="1056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4A1BF165" w14:textId="46A3AE2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Creating work/life/school boundari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D0890F3" w14:textId="6403A3A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CAD8B46" w14:textId="6C6E66D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indfulness Practic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8C4E3D4" w14:textId="39F954D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4652F54" w14:textId="1BFBFC1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Creating information boundaries</w:t>
            </w:r>
            <w:r w:rsidRPr="0087216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 xml:space="preserve"> 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8D59843" w14:textId="2D03DCD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7216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53F07A6" w14:textId="7E18853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indfulness Practic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E1545D1" w14:textId="4E15E17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94295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1244CF3" w14:textId="598240D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hysical Activ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8A8E104" w14:textId="6E364EB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1CD2F04" w14:textId="32EAEB4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Creating work/life/school boundari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791A11D" w14:textId="7C8ACEB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58DECEB1" w14:textId="11AB50F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Creating work/life/school boundaries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76AC517C" w14:textId="3928FB2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4BBF058C" w14:textId="673ADE1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 xml:space="preserve">Creating information boundaries 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7A449D4E" w14:textId="4316CC3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</w:tr>
      <w:tr w:rsidR="002431C7" w:rsidRPr="009C0B0A" w14:paraId="316AB160" w14:textId="77777777" w:rsidTr="003D23BE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nil"/>
              <w:right w:val="single" w:sz="4" w:space="0" w:color="D9D9D9"/>
            </w:tcBorders>
          </w:tcPr>
          <w:p w14:paraId="64CE79CF" w14:textId="105CC00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leep/Rest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6023F920" w14:textId="67C2658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5F193549" w14:textId="626C565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edia Distraction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651E2A9A" w14:textId="7709D86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5155442A" w14:textId="083D25E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hysical Activity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4F24E084" w14:textId="2CE43FC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7216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67" w:type="dxa"/>
            <w:tcBorders>
              <w:top w:val="nil"/>
              <w:left w:val="nil"/>
              <w:bottom w:val="nil"/>
              <w:right w:val="single" w:sz="4" w:space="0" w:color="D9D9D9"/>
            </w:tcBorders>
            <w:shd w:val="clear" w:color="auto" w:fill="E59EDC" w:themeFill="accent5" w:themeFillTint="66"/>
          </w:tcPr>
          <w:p w14:paraId="54C5F8F3" w14:textId="0DBA94E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ame as physical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49EC69AE" w14:textId="38779E9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94295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0D9F052A" w14:textId="74FF32BA" w:rsidR="002431C7" w:rsidRPr="003D23BE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leep/Rest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895E4A4" w14:textId="3476936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19712CE4" w14:textId="79503D6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edia Distraction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5D3DAFB" w14:textId="025F99F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6</w:t>
            </w:r>
          </w:p>
        </w:tc>
        <w:tc>
          <w:tcPr>
            <w:tcW w:w="1033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4B8492D8" w14:textId="744EC36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D23B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hysical Activity</w:t>
            </w:r>
          </w:p>
        </w:tc>
        <w:tc>
          <w:tcPr>
            <w:tcW w:w="562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38024322" w14:textId="7438564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080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49D640F3" w14:textId="5867B12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Creating work/life/school boundaries</w:t>
            </w:r>
          </w:p>
        </w:tc>
        <w:tc>
          <w:tcPr>
            <w:tcW w:w="562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3B867CB3" w14:textId="0622AB1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381B4B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</w:tr>
    </w:tbl>
    <w:p w14:paraId="7496B1F2" w14:textId="77777777" w:rsidR="002431C7" w:rsidRDefault="002431C7" w:rsidP="00CF3703">
      <w:pPr>
        <w:spacing w:line="276" w:lineRule="auto"/>
        <w:contextualSpacing/>
        <w:rPr>
          <w:rFonts w:ascii="Times New Roman" w:hAnsi="Times New Roman" w:cs="Times New Roman"/>
          <w:b/>
          <w:bCs/>
        </w:rPr>
      </w:pPr>
    </w:p>
    <w:p w14:paraId="2460B0FE" w14:textId="77777777" w:rsidR="002431C7" w:rsidRDefault="002431C7" w:rsidP="00CF3703">
      <w:pPr>
        <w:spacing w:line="276" w:lineRule="auto"/>
        <w:contextualSpacing/>
        <w:rPr>
          <w:rFonts w:ascii="Times New Roman" w:hAnsi="Times New Roman" w:cs="Times New Roman"/>
          <w:b/>
          <w:bCs/>
        </w:rPr>
      </w:pPr>
    </w:p>
    <w:p w14:paraId="4012F2AB" w14:textId="77777777" w:rsidR="00E040AE" w:rsidRDefault="00E040AE" w:rsidP="00CF3703">
      <w:pPr>
        <w:spacing w:line="276" w:lineRule="auto"/>
        <w:contextualSpacing/>
        <w:rPr>
          <w:rFonts w:ascii="Times New Roman" w:hAnsi="Times New Roman" w:cs="Times New Roman"/>
          <w:b/>
          <w:bCs/>
        </w:rPr>
      </w:pPr>
    </w:p>
    <w:p w14:paraId="3AF15242" w14:textId="77777777" w:rsidR="00086231" w:rsidRDefault="00086231" w:rsidP="00CF3703">
      <w:pPr>
        <w:spacing w:line="276" w:lineRule="auto"/>
        <w:contextualSpacing/>
        <w:rPr>
          <w:rFonts w:ascii="Times New Roman" w:hAnsi="Times New Roman" w:cs="Times New Roman"/>
          <w:b/>
          <w:bCs/>
        </w:rPr>
      </w:pPr>
    </w:p>
    <w:p w14:paraId="6FBA0307" w14:textId="77777777" w:rsidR="00086231" w:rsidRDefault="00086231" w:rsidP="00CF3703">
      <w:pPr>
        <w:spacing w:line="276" w:lineRule="auto"/>
        <w:contextualSpacing/>
        <w:rPr>
          <w:rFonts w:ascii="Times New Roman" w:hAnsi="Times New Roman" w:cs="Times New Roman"/>
          <w:b/>
          <w:bCs/>
        </w:rPr>
      </w:pPr>
    </w:p>
    <w:p w14:paraId="67374C2A" w14:textId="77777777" w:rsidR="00086231" w:rsidRDefault="00086231" w:rsidP="00CF3703">
      <w:pPr>
        <w:spacing w:line="276" w:lineRule="auto"/>
        <w:contextualSpacing/>
        <w:rPr>
          <w:rFonts w:ascii="Times New Roman" w:hAnsi="Times New Roman" w:cs="Times New Roman"/>
          <w:b/>
          <w:bCs/>
        </w:rPr>
      </w:pPr>
    </w:p>
    <w:p w14:paraId="09AE2EE5" w14:textId="77777777" w:rsidR="00E040AE" w:rsidRDefault="00E040AE" w:rsidP="00CF3703">
      <w:pPr>
        <w:spacing w:line="276" w:lineRule="auto"/>
        <w:contextualSpacing/>
        <w:rPr>
          <w:rFonts w:ascii="Times New Roman" w:hAnsi="Times New Roman" w:cs="Times New Roman"/>
          <w:b/>
          <w:bCs/>
        </w:rPr>
      </w:pPr>
    </w:p>
    <w:p w14:paraId="4974A6C1" w14:textId="77777777" w:rsidR="002431C7" w:rsidRDefault="002431C7" w:rsidP="00CF3703">
      <w:pPr>
        <w:spacing w:line="276" w:lineRule="auto"/>
        <w:contextualSpacing/>
        <w:rPr>
          <w:rFonts w:ascii="Times New Roman" w:hAnsi="Times New Roman" w:cs="Times New Roman"/>
          <w:b/>
          <w:bCs/>
        </w:rPr>
      </w:pPr>
    </w:p>
    <w:p w14:paraId="53A61375" w14:textId="77777777" w:rsidR="002431C7" w:rsidRDefault="002431C7" w:rsidP="00CF3703">
      <w:pPr>
        <w:spacing w:line="276" w:lineRule="auto"/>
        <w:contextualSpacing/>
        <w:rPr>
          <w:rFonts w:ascii="Times New Roman" w:hAnsi="Times New Roman" w:cs="Times New Roman"/>
          <w:b/>
          <w:bCs/>
        </w:rPr>
      </w:pPr>
    </w:p>
    <w:p w14:paraId="608BF3DA" w14:textId="5666ABF7" w:rsidR="00CF3703" w:rsidRDefault="00086231" w:rsidP="00086231">
      <w:pPr>
        <w:spacing w:line="276" w:lineRule="auto"/>
        <w:ind w:hanging="360"/>
        <w:contextualSpacing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  <w:b/>
          <w:bCs/>
        </w:rPr>
        <w:lastRenderedPageBreak/>
        <w:t>Supplemental Table 1</w:t>
      </w:r>
      <w:r w:rsidR="00CF3703">
        <w:rPr>
          <w:rFonts w:ascii="Times New Roman" w:hAnsi="Times New Roman" w:cs="Times New Roman"/>
          <w:b/>
          <w:bCs/>
        </w:rPr>
        <w:t xml:space="preserve"> (Continued).</w:t>
      </w:r>
      <w:r w:rsidR="00CF3703" w:rsidRPr="007A3B7E">
        <w:rPr>
          <w:rFonts w:ascii="Times New Roman" w:hAnsi="Times New Roman" w:cs="Times New Roman"/>
          <w:b/>
          <w:bCs/>
        </w:rPr>
        <w:t xml:space="preserve"> </w:t>
      </w:r>
      <w:r w:rsidR="00CF3703">
        <w:rPr>
          <w:rFonts w:ascii="Times New Roman" w:hAnsi="Times New Roman" w:cs="Times New Roman"/>
        </w:rPr>
        <w:t xml:space="preserve">Responses to </w:t>
      </w:r>
      <w:proofErr w:type="spellStart"/>
      <w:r w:rsidR="00CF3703">
        <w:rPr>
          <w:rFonts w:ascii="Times New Roman" w:hAnsi="Times New Roman" w:cs="Times New Roman"/>
        </w:rPr>
        <w:t>Freelist</w:t>
      </w:r>
      <w:proofErr w:type="spellEnd"/>
      <w:r w:rsidR="00CF3703">
        <w:rPr>
          <w:rFonts w:ascii="Times New Roman" w:hAnsi="Times New Roman" w:cs="Times New Roman"/>
        </w:rPr>
        <w:t xml:space="preserve"> Interview Questions by Nationality, Age, Gender, Race, and Academic Level (Question 4)</w:t>
      </w:r>
    </w:p>
    <w:p w14:paraId="7416DF37" w14:textId="77777777" w:rsidR="00CF3703" w:rsidRDefault="00CF3703" w:rsidP="00CF3703"/>
    <w:tbl>
      <w:tblPr>
        <w:tblW w:w="14522" w:type="dxa"/>
        <w:tblInd w:w="-740" w:type="dxa"/>
        <w:tblLayout w:type="fixed"/>
        <w:tblCellMar>
          <w:left w:w="101" w:type="dxa"/>
          <w:right w:w="101" w:type="dxa"/>
        </w:tblCellMar>
        <w:tblLook w:val="04A0" w:firstRow="1" w:lastRow="0" w:firstColumn="1" w:lastColumn="0" w:noHBand="0" w:noVBand="1"/>
      </w:tblPr>
      <w:tblGrid>
        <w:gridCol w:w="1316"/>
        <w:gridCol w:w="561"/>
        <w:gridCol w:w="1317"/>
        <w:gridCol w:w="561"/>
        <w:gridCol w:w="1317"/>
        <w:gridCol w:w="561"/>
        <w:gridCol w:w="1367"/>
        <w:gridCol w:w="561"/>
        <w:gridCol w:w="1317"/>
        <w:gridCol w:w="561"/>
        <w:gridCol w:w="1317"/>
        <w:gridCol w:w="561"/>
        <w:gridCol w:w="1017"/>
        <w:gridCol w:w="16"/>
        <w:gridCol w:w="501"/>
        <w:gridCol w:w="39"/>
        <w:gridCol w:w="1080"/>
        <w:gridCol w:w="540"/>
        <w:gridCol w:w="12"/>
      </w:tblGrid>
      <w:tr w:rsidR="00CF3703" w:rsidRPr="009C0B0A" w14:paraId="784CBD87" w14:textId="77777777" w:rsidTr="00382B35">
        <w:trPr>
          <w:trHeight w:val="264"/>
        </w:trPr>
        <w:tc>
          <w:tcPr>
            <w:tcW w:w="3755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C7E25D6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ationality</w:t>
            </w:r>
          </w:p>
        </w:tc>
        <w:tc>
          <w:tcPr>
            <w:tcW w:w="380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E7E4919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ex</w:t>
            </w:r>
          </w:p>
        </w:tc>
        <w:tc>
          <w:tcPr>
            <w:tcW w:w="375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DC7336D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ace</w:t>
            </w:r>
          </w:p>
        </w:tc>
        <w:tc>
          <w:tcPr>
            <w:tcW w:w="3205" w:type="dxa"/>
            <w:gridSpan w:val="7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6E0CB370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cademic Level</w:t>
            </w:r>
          </w:p>
        </w:tc>
      </w:tr>
      <w:tr w:rsidR="00CF3703" w:rsidRPr="009C0B0A" w14:paraId="55EAD66A" w14:textId="77777777" w:rsidTr="00382B35">
        <w:trPr>
          <w:trHeight w:val="264"/>
        </w:trPr>
        <w:tc>
          <w:tcPr>
            <w:tcW w:w="1877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30FEF56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S</w:t>
            </w:r>
          </w:p>
        </w:tc>
        <w:tc>
          <w:tcPr>
            <w:tcW w:w="1878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55D837F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International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F8A5D06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M</w:t>
            </w: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le</w:t>
            </w:r>
          </w:p>
        </w:tc>
        <w:tc>
          <w:tcPr>
            <w:tcW w:w="192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A1FB0BB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Femal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CCBD206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Whit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244ECB9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on-White</w:t>
            </w:r>
          </w:p>
        </w:tc>
        <w:tc>
          <w:tcPr>
            <w:tcW w:w="1534" w:type="dxa"/>
            <w:gridSpan w:val="3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93A460E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Graduate</w:t>
            </w:r>
          </w:p>
        </w:tc>
        <w:tc>
          <w:tcPr>
            <w:tcW w:w="1671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0B9E608E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ndergraduate</w:t>
            </w:r>
          </w:p>
        </w:tc>
      </w:tr>
      <w:tr w:rsidR="00CF3703" w:rsidRPr="009C0B0A" w14:paraId="2F763C41" w14:textId="77777777" w:rsidTr="00382B35">
        <w:trPr>
          <w:trHeight w:val="264"/>
        </w:trPr>
        <w:tc>
          <w:tcPr>
            <w:tcW w:w="1316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D308E81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AD7B737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09C9658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2406DE3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CC44E9E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208EEBC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BBB70AC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0DE502C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BB69216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60F1143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B1604D1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6C398B9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017" w:type="dxa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8C6C008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17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BC1D00B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119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1557075F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52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46C28507" w14:textId="77777777" w:rsidR="00CF3703" w:rsidRPr="009C0B0A" w:rsidRDefault="00CF370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</w:tr>
      <w:tr w:rsidR="001F4973" w:rsidRPr="009C0B0A" w14:paraId="1C8845B7" w14:textId="77777777" w:rsidTr="00382B35">
        <w:trPr>
          <w:trHeight w:val="264"/>
        </w:trPr>
        <w:tc>
          <w:tcPr>
            <w:tcW w:w="14522" w:type="dxa"/>
            <w:gridSpan w:val="19"/>
            <w:tcBorders>
              <w:top w:val="nil"/>
              <w:left w:val="nil"/>
              <w:bottom w:val="nil"/>
              <w:right w:val="nil"/>
            </w:tcBorders>
            <w:vAlign w:val="bottom"/>
          </w:tcPr>
          <w:p w14:paraId="65F253DD" w14:textId="2016FB7B" w:rsidR="001F4973" w:rsidRPr="009C0B0A" w:rsidRDefault="001F4973" w:rsidP="001F4973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D91EB3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 xml:space="preserve">Question 4: </w:t>
            </w:r>
            <w:r w:rsidRPr="005F2655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Please list all the things that have made it difficult for you to be healthy in the last four months.</w:t>
            </w:r>
          </w:p>
        </w:tc>
      </w:tr>
      <w:tr w:rsidR="002431C7" w:rsidRPr="009C0B0A" w14:paraId="4919B0B9" w14:textId="77777777" w:rsidTr="00B10011">
        <w:trPr>
          <w:gridAfter w:val="1"/>
          <w:wAfter w:w="12" w:type="dxa"/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32E73DB2" w14:textId="31A216F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Workload and pressur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C36A2B0" w14:textId="1993D6E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70C2FA7" w14:textId="5CFE483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Workload and pressur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98CDAED" w14:textId="7FC2FDE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BB7BE52" w14:textId="1986630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Workload and pressur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30D0BF5" w14:textId="3B987409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3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6908A5F" w14:textId="1BC5515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Workload and pressur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2194C95" w14:textId="4407A14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F9BC373" w14:textId="16F87D4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Workload and pressur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5A5EC05" w14:textId="36461D3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2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95C3C1B" w14:textId="0E4A4EE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Workload and pressur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27AABCD" w14:textId="4AFF221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5</w:t>
            </w:r>
          </w:p>
        </w:tc>
        <w:tc>
          <w:tcPr>
            <w:tcW w:w="1033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671DC910" w14:textId="37CD0CB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Workload and pressure</w:t>
            </w:r>
          </w:p>
        </w:tc>
        <w:tc>
          <w:tcPr>
            <w:tcW w:w="540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7CB752BC" w14:textId="2C908A8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8</w:t>
            </w:r>
          </w:p>
        </w:tc>
        <w:tc>
          <w:tcPr>
            <w:tcW w:w="1080" w:type="dxa"/>
            <w:tcBorders>
              <w:top w:val="nil"/>
              <w:left w:val="nil"/>
              <w:right w:val="single" w:sz="4" w:space="0" w:color="D9D9D9"/>
            </w:tcBorders>
          </w:tcPr>
          <w:p w14:paraId="1FEDF407" w14:textId="61AEC10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Workload and pressure</w:t>
            </w:r>
          </w:p>
        </w:tc>
        <w:tc>
          <w:tcPr>
            <w:tcW w:w="540" w:type="dxa"/>
            <w:tcBorders>
              <w:top w:val="nil"/>
              <w:left w:val="nil"/>
              <w:right w:val="single" w:sz="4" w:space="0" w:color="D9D9D9"/>
            </w:tcBorders>
          </w:tcPr>
          <w:p w14:paraId="06B78298" w14:textId="188156A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6</w:t>
            </w:r>
          </w:p>
        </w:tc>
      </w:tr>
      <w:tr w:rsidR="002431C7" w:rsidRPr="009C0B0A" w14:paraId="4B07E2D3" w14:textId="77777777" w:rsidTr="00B10011">
        <w:trPr>
          <w:gridAfter w:val="1"/>
          <w:wAfter w:w="12" w:type="dxa"/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799D8930" w14:textId="32582B4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inancial strain/Economic fear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BA4EA6E" w14:textId="6E08C3C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0C23854" w14:textId="2225DBE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Anxiety/Str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5F7DB76" w14:textId="79329CB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0AB1BE6" w14:textId="5392293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Limited time/wasting tim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F5A452E" w14:textId="66C3A02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0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51CF503" w14:textId="7BCD55E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inancial strain/Economic fear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2F0654E" w14:textId="49E2A3F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6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B6B4CDD" w14:textId="55EAA3D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Anxiety/Str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E706093" w14:textId="37F1EB2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835BA46" w14:textId="53C2A42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inancial strain/Economic fear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037E539" w14:textId="38CACA6E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6B6194B8" w14:textId="506D9EF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Anxiety/Stress</w:t>
            </w:r>
          </w:p>
        </w:tc>
        <w:tc>
          <w:tcPr>
            <w:tcW w:w="540" w:type="dxa"/>
            <w:gridSpan w:val="2"/>
            <w:tcBorders>
              <w:left w:val="nil"/>
              <w:right w:val="single" w:sz="4" w:space="0" w:color="D9D9D9"/>
            </w:tcBorders>
          </w:tcPr>
          <w:p w14:paraId="19934EF5" w14:textId="63B7D5D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2</w:t>
            </w:r>
          </w:p>
        </w:tc>
        <w:tc>
          <w:tcPr>
            <w:tcW w:w="1080" w:type="dxa"/>
            <w:tcBorders>
              <w:left w:val="nil"/>
              <w:right w:val="single" w:sz="4" w:space="0" w:color="D9D9D9"/>
            </w:tcBorders>
          </w:tcPr>
          <w:p w14:paraId="4348C713" w14:textId="082FD57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Anxiety/Stress</w:t>
            </w:r>
          </w:p>
        </w:tc>
        <w:tc>
          <w:tcPr>
            <w:tcW w:w="540" w:type="dxa"/>
            <w:tcBorders>
              <w:left w:val="nil"/>
              <w:right w:val="single" w:sz="4" w:space="0" w:color="D9D9D9"/>
            </w:tcBorders>
          </w:tcPr>
          <w:p w14:paraId="5A09F4F9" w14:textId="34E58BC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3</w:t>
            </w:r>
          </w:p>
        </w:tc>
      </w:tr>
      <w:tr w:rsidR="002431C7" w:rsidRPr="009C0B0A" w14:paraId="5D5AD0DE" w14:textId="77777777" w:rsidTr="00B10011">
        <w:trPr>
          <w:gridAfter w:val="1"/>
          <w:wAfter w:w="12" w:type="dxa"/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0895A7DA" w14:textId="7B81B81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Anxiety/Str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054F896" w14:textId="614BB3F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6D17AA5" w14:textId="2171BF9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News overlo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D5AD200" w14:textId="25B4118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0371D79" w14:textId="2943C76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Anxiety/Str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D726BC5" w14:textId="79E3901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0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99D42FB" w14:textId="0F64A78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Anxiety/Str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11F4591" w14:textId="70553FC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7BC8FDC" w14:textId="259D79C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inancial strain/Economic fear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7E7D000" w14:textId="1990C7E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2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3236B1D" w14:textId="6D1F4B2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Anxiety/Str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0D10C95" w14:textId="53FFC2D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0EDC69D4" w14:textId="18779B4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inancial strain/Economic fears</w:t>
            </w:r>
          </w:p>
        </w:tc>
        <w:tc>
          <w:tcPr>
            <w:tcW w:w="540" w:type="dxa"/>
            <w:gridSpan w:val="2"/>
            <w:tcBorders>
              <w:left w:val="nil"/>
              <w:right w:val="single" w:sz="4" w:space="0" w:color="D9D9D9"/>
            </w:tcBorders>
          </w:tcPr>
          <w:p w14:paraId="38D4983F" w14:textId="0F78952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080" w:type="dxa"/>
            <w:tcBorders>
              <w:left w:val="nil"/>
              <w:right w:val="single" w:sz="4" w:space="0" w:color="D9D9D9"/>
            </w:tcBorders>
          </w:tcPr>
          <w:p w14:paraId="4EE1857F" w14:textId="2E1C878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inancial strain/Economic fears</w:t>
            </w:r>
          </w:p>
        </w:tc>
        <w:tc>
          <w:tcPr>
            <w:tcW w:w="540" w:type="dxa"/>
            <w:tcBorders>
              <w:left w:val="nil"/>
              <w:right w:val="single" w:sz="4" w:space="0" w:color="D9D9D9"/>
            </w:tcBorders>
          </w:tcPr>
          <w:p w14:paraId="3CCB4675" w14:textId="6530F01E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2</w:t>
            </w:r>
          </w:p>
        </w:tc>
      </w:tr>
      <w:tr w:rsidR="002431C7" w:rsidRPr="009C0B0A" w14:paraId="273926C8" w14:textId="77777777" w:rsidTr="00B10011">
        <w:trPr>
          <w:gridAfter w:val="1"/>
          <w:wAfter w:w="12" w:type="dxa"/>
          <w:trHeight w:val="1056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000BB0BD" w14:textId="3A80D82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News overlo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B87FF33" w14:textId="55A52D2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B563EBE" w14:textId="23CF4D0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Exhaustion/Sacrificing sleep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6B1BFC4" w14:textId="0810F5C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C167347" w14:textId="2845522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Exhaustion/Sacrificing sleep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4516A06" w14:textId="6331EAC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25D2C24" w14:textId="237CAE28" w:rsidR="002431C7" w:rsidRPr="008C3733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News overlo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B733141" w14:textId="24D3D9F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D354BBA" w14:textId="2554AF7D" w:rsidR="002431C7" w:rsidRPr="008C3733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olitical climate's impac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0A6F27E" w14:textId="63EBAA7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FB19008" w14:textId="6492BD6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News overload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9EF6EF5" w14:textId="0CF19E4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 w:rsidR="00387801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41805DC8" w14:textId="3F8CEC2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olitical climate's impact</w:t>
            </w:r>
          </w:p>
        </w:tc>
        <w:tc>
          <w:tcPr>
            <w:tcW w:w="540" w:type="dxa"/>
            <w:gridSpan w:val="2"/>
            <w:tcBorders>
              <w:left w:val="nil"/>
              <w:right w:val="single" w:sz="4" w:space="0" w:color="D9D9D9"/>
            </w:tcBorders>
          </w:tcPr>
          <w:p w14:paraId="749AA502" w14:textId="0058C20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080" w:type="dxa"/>
            <w:tcBorders>
              <w:left w:val="nil"/>
              <w:right w:val="single" w:sz="4" w:space="0" w:color="D9D9D9"/>
            </w:tcBorders>
          </w:tcPr>
          <w:p w14:paraId="6BB93862" w14:textId="1788FFD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News overload</w:t>
            </w:r>
          </w:p>
        </w:tc>
        <w:tc>
          <w:tcPr>
            <w:tcW w:w="540" w:type="dxa"/>
            <w:tcBorders>
              <w:left w:val="nil"/>
              <w:right w:val="single" w:sz="4" w:space="0" w:color="D9D9D9"/>
            </w:tcBorders>
          </w:tcPr>
          <w:p w14:paraId="3BB4EEC7" w14:textId="2178950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2</w:t>
            </w:r>
          </w:p>
        </w:tc>
      </w:tr>
      <w:tr w:rsidR="002431C7" w:rsidRPr="009C0B0A" w14:paraId="1306471B" w14:textId="77777777" w:rsidTr="008C3733">
        <w:trPr>
          <w:gridAfter w:val="1"/>
          <w:wAfter w:w="12" w:type="dxa"/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nil"/>
              <w:right w:val="single" w:sz="4" w:space="0" w:color="D9D9D9"/>
            </w:tcBorders>
          </w:tcPr>
          <w:p w14:paraId="56917C01" w14:textId="7BF1ED4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olitical climate's impact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64F18CB" w14:textId="7AEDE03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  <w:shd w:val="clear" w:color="auto" w:fill="E59EDC" w:themeFill="accent5" w:themeFillTint="66"/>
          </w:tcPr>
          <w:p w14:paraId="4376E2D6" w14:textId="62CA211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en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42E90355" w14:textId="782973B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D64B04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 w:rsidR="00E040AE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7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  <w:shd w:val="clear" w:color="auto" w:fill="E59EDC" w:themeFill="accent5" w:themeFillTint="66"/>
          </w:tcPr>
          <w:p w14:paraId="0031BAAF" w14:textId="066E2BB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chedule inflexibility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0ED38725" w14:textId="51BA0F6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6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63F4596D" w14:textId="0131F78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olitical climate's impact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3017A1A4" w14:textId="2D9DED2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  <w:shd w:val="clear" w:color="auto" w:fill="E59EDC" w:themeFill="accent5" w:themeFillTint="66"/>
          </w:tcPr>
          <w:p w14:paraId="15A0E3FA" w14:textId="3CDD281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ocial expectations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5856A7AA" w14:textId="62F825F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0F6B074B" w14:textId="6C7824A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Limited time/wasting time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18037641" w14:textId="2C50FCB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033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57DC6352" w14:textId="1C4D5E1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News overload</w:t>
            </w:r>
          </w:p>
        </w:tc>
        <w:tc>
          <w:tcPr>
            <w:tcW w:w="540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3CDB141C" w14:textId="73A7851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080" w:type="dxa"/>
            <w:tcBorders>
              <w:left w:val="nil"/>
              <w:bottom w:val="nil"/>
              <w:right w:val="single" w:sz="4" w:space="0" w:color="D9D9D9"/>
            </w:tcBorders>
          </w:tcPr>
          <w:p w14:paraId="3B9F4F69" w14:textId="7DCBD03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Limited time/wasting time</w:t>
            </w:r>
          </w:p>
        </w:tc>
        <w:tc>
          <w:tcPr>
            <w:tcW w:w="540" w:type="dxa"/>
            <w:tcBorders>
              <w:left w:val="nil"/>
              <w:bottom w:val="nil"/>
              <w:right w:val="single" w:sz="4" w:space="0" w:color="D9D9D9"/>
            </w:tcBorders>
          </w:tcPr>
          <w:p w14:paraId="69B655CB" w14:textId="758A485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</w:tr>
    </w:tbl>
    <w:p w14:paraId="72E2A209" w14:textId="77777777" w:rsidR="00CF3703" w:rsidRDefault="00CF3703" w:rsidP="00CF3703"/>
    <w:p w14:paraId="6E341EBC" w14:textId="77777777" w:rsidR="00CF3703" w:rsidRDefault="00CF3703"/>
    <w:p w14:paraId="01CD5DA8" w14:textId="77777777" w:rsidR="001F4973" w:rsidRDefault="001F4973"/>
    <w:p w14:paraId="7B560E0B" w14:textId="77777777" w:rsidR="00387801" w:rsidRDefault="00387801"/>
    <w:p w14:paraId="0334A474" w14:textId="77777777" w:rsidR="001F4973" w:rsidRDefault="001F4973"/>
    <w:p w14:paraId="2BFD2887" w14:textId="77777777" w:rsidR="001F4973" w:rsidRDefault="001F4973"/>
    <w:p w14:paraId="25C82F2D" w14:textId="77777777" w:rsidR="001F4973" w:rsidRDefault="001F4973"/>
    <w:p w14:paraId="5A77DD99" w14:textId="77777777" w:rsidR="001F4973" w:rsidRDefault="001F4973"/>
    <w:p w14:paraId="41636326" w14:textId="771A889B" w:rsidR="001F4973" w:rsidRDefault="00086231" w:rsidP="00086231">
      <w:pPr>
        <w:spacing w:line="276" w:lineRule="auto"/>
        <w:ind w:hanging="360"/>
        <w:contextualSpacing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  <w:b/>
          <w:bCs/>
        </w:rPr>
        <w:t>Supplemental Table 1</w:t>
      </w:r>
      <w:r w:rsidR="001F4973">
        <w:rPr>
          <w:rFonts w:ascii="Times New Roman" w:hAnsi="Times New Roman" w:cs="Times New Roman"/>
          <w:b/>
          <w:bCs/>
        </w:rPr>
        <w:t xml:space="preserve"> (Continued).</w:t>
      </w:r>
      <w:r w:rsidR="001F4973" w:rsidRPr="007A3B7E">
        <w:rPr>
          <w:rFonts w:ascii="Times New Roman" w:hAnsi="Times New Roman" w:cs="Times New Roman"/>
          <w:b/>
          <w:bCs/>
        </w:rPr>
        <w:t xml:space="preserve"> </w:t>
      </w:r>
      <w:r w:rsidR="001F4973">
        <w:rPr>
          <w:rFonts w:ascii="Times New Roman" w:hAnsi="Times New Roman" w:cs="Times New Roman"/>
        </w:rPr>
        <w:t xml:space="preserve">Responses to </w:t>
      </w:r>
      <w:proofErr w:type="spellStart"/>
      <w:r w:rsidR="001F4973">
        <w:rPr>
          <w:rFonts w:ascii="Times New Roman" w:hAnsi="Times New Roman" w:cs="Times New Roman"/>
        </w:rPr>
        <w:t>Freelist</w:t>
      </w:r>
      <w:proofErr w:type="spellEnd"/>
      <w:r w:rsidR="001F4973">
        <w:rPr>
          <w:rFonts w:ascii="Times New Roman" w:hAnsi="Times New Roman" w:cs="Times New Roman"/>
        </w:rPr>
        <w:t xml:space="preserve"> Interview Questions </w:t>
      </w:r>
      <w:proofErr w:type="gramStart"/>
      <w:r w:rsidR="001F4973">
        <w:rPr>
          <w:rFonts w:ascii="Times New Roman" w:hAnsi="Times New Roman" w:cs="Times New Roman"/>
        </w:rPr>
        <w:t>by</w:t>
      </w:r>
      <w:proofErr w:type="gramEnd"/>
      <w:r w:rsidR="001F4973">
        <w:rPr>
          <w:rFonts w:ascii="Times New Roman" w:hAnsi="Times New Roman" w:cs="Times New Roman"/>
        </w:rPr>
        <w:t xml:space="preserve"> Nationality, Age, Gender, Race, and Academic Level (Question 5)</w:t>
      </w:r>
    </w:p>
    <w:p w14:paraId="1CDF777B" w14:textId="77777777" w:rsidR="001F4973" w:rsidRDefault="001F4973" w:rsidP="001F4973"/>
    <w:tbl>
      <w:tblPr>
        <w:tblW w:w="14554" w:type="dxa"/>
        <w:tblInd w:w="-740" w:type="dxa"/>
        <w:tblLayout w:type="fixed"/>
        <w:tblCellMar>
          <w:left w:w="101" w:type="dxa"/>
          <w:right w:w="101" w:type="dxa"/>
        </w:tblCellMar>
        <w:tblLook w:val="04A0" w:firstRow="1" w:lastRow="0" w:firstColumn="1" w:lastColumn="0" w:noHBand="0" w:noVBand="1"/>
      </w:tblPr>
      <w:tblGrid>
        <w:gridCol w:w="1316"/>
        <w:gridCol w:w="561"/>
        <w:gridCol w:w="1317"/>
        <w:gridCol w:w="561"/>
        <w:gridCol w:w="1317"/>
        <w:gridCol w:w="561"/>
        <w:gridCol w:w="1367"/>
        <w:gridCol w:w="561"/>
        <w:gridCol w:w="1317"/>
        <w:gridCol w:w="561"/>
        <w:gridCol w:w="1317"/>
        <w:gridCol w:w="561"/>
        <w:gridCol w:w="1017"/>
        <w:gridCol w:w="16"/>
        <w:gridCol w:w="501"/>
        <w:gridCol w:w="61"/>
        <w:gridCol w:w="1058"/>
        <w:gridCol w:w="22"/>
        <w:gridCol w:w="530"/>
        <w:gridCol w:w="32"/>
      </w:tblGrid>
      <w:tr w:rsidR="001F4973" w:rsidRPr="009C0B0A" w14:paraId="49DA22B3" w14:textId="77777777" w:rsidTr="007414DD">
        <w:trPr>
          <w:gridAfter w:val="1"/>
          <w:wAfter w:w="32" w:type="dxa"/>
          <w:trHeight w:val="264"/>
        </w:trPr>
        <w:tc>
          <w:tcPr>
            <w:tcW w:w="3755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3F778E2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ationality</w:t>
            </w:r>
          </w:p>
        </w:tc>
        <w:tc>
          <w:tcPr>
            <w:tcW w:w="380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7E54FB8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ex</w:t>
            </w:r>
          </w:p>
        </w:tc>
        <w:tc>
          <w:tcPr>
            <w:tcW w:w="375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330029D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ace</w:t>
            </w:r>
          </w:p>
        </w:tc>
        <w:tc>
          <w:tcPr>
            <w:tcW w:w="3205" w:type="dxa"/>
            <w:gridSpan w:val="7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63E1006C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cademic Level</w:t>
            </w:r>
          </w:p>
        </w:tc>
      </w:tr>
      <w:tr w:rsidR="001F4973" w:rsidRPr="009C0B0A" w14:paraId="3F13C97A" w14:textId="77777777" w:rsidTr="007414DD">
        <w:trPr>
          <w:gridAfter w:val="1"/>
          <w:wAfter w:w="32" w:type="dxa"/>
          <w:trHeight w:val="264"/>
        </w:trPr>
        <w:tc>
          <w:tcPr>
            <w:tcW w:w="1877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0721A59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S</w:t>
            </w:r>
          </w:p>
        </w:tc>
        <w:tc>
          <w:tcPr>
            <w:tcW w:w="1878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469A2B2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International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39362C1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M</w:t>
            </w: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le</w:t>
            </w:r>
          </w:p>
        </w:tc>
        <w:tc>
          <w:tcPr>
            <w:tcW w:w="192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84042A7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Femal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449F7E2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Whit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4B74C34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on-White</w:t>
            </w:r>
          </w:p>
        </w:tc>
        <w:tc>
          <w:tcPr>
            <w:tcW w:w="1534" w:type="dxa"/>
            <w:gridSpan w:val="3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26F33C16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Graduate</w:t>
            </w:r>
          </w:p>
        </w:tc>
        <w:tc>
          <w:tcPr>
            <w:tcW w:w="1671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5C54DF9F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ndergraduate</w:t>
            </w:r>
          </w:p>
        </w:tc>
      </w:tr>
      <w:tr w:rsidR="001F4973" w:rsidRPr="009C0B0A" w14:paraId="64677334" w14:textId="77777777" w:rsidTr="007414DD">
        <w:trPr>
          <w:gridAfter w:val="1"/>
          <w:wAfter w:w="32" w:type="dxa"/>
          <w:trHeight w:val="264"/>
        </w:trPr>
        <w:tc>
          <w:tcPr>
            <w:tcW w:w="1316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5252AAE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DE33B7D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16E0201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44FA0CC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DD8BA68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E73F661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1BFD5D4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77B2A1D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B0B7D5D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2D54908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B5F6F47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73CD98D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017" w:type="dxa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6472D022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17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23A7A75B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119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71CC2353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52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F741C1E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</w:tr>
      <w:tr w:rsidR="001F4973" w:rsidRPr="009C0B0A" w14:paraId="05C183DB" w14:textId="77777777" w:rsidTr="007414DD">
        <w:trPr>
          <w:gridAfter w:val="1"/>
          <w:wAfter w:w="32" w:type="dxa"/>
          <w:trHeight w:val="264"/>
        </w:trPr>
        <w:tc>
          <w:tcPr>
            <w:tcW w:w="14522" w:type="dxa"/>
            <w:gridSpan w:val="19"/>
            <w:tcBorders>
              <w:top w:val="nil"/>
              <w:left w:val="nil"/>
              <w:bottom w:val="nil"/>
              <w:right w:val="nil"/>
            </w:tcBorders>
            <w:vAlign w:val="bottom"/>
          </w:tcPr>
          <w:p w14:paraId="6FBB7697" w14:textId="57B12ECD" w:rsidR="001F4973" w:rsidRPr="009C0B0A" w:rsidRDefault="001F4973" w:rsidP="001F4973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D91EB3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 xml:space="preserve">Question 5: </w:t>
            </w:r>
            <w:r w:rsidRPr="005F2655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Please list all the things that have made it easy for you to be healthy in the last four months.</w:t>
            </w:r>
          </w:p>
        </w:tc>
      </w:tr>
      <w:tr w:rsidR="002431C7" w:rsidRPr="009C0B0A" w14:paraId="79D71549" w14:textId="77777777" w:rsidTr="008D64FD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6BEC2BEB" w14:textId="7588098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ong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E5DBB86" w14:textId="032CD75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3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CEFE5E9" w14:textId="3AA2971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ong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A53FA81" w14:textId="51C58C7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5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2BDFF0D" w14:textId="52B28DD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ong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DEE8DE7" w14:textId="42E77BA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3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3C6E49C" w14:textId="2D42D0A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ong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03CFABB" w14:textId="2B590DFE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4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E6BAB66" w14:textId="7226E49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ong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39B7599" w14:textId="42477DC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DFB26B3" w14:textId="5991CD9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ong support system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708A31B" w14:textId="17DC058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3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9</w:t>
            </w:r>
          </w:p>
        </w:tc>
        <w:tc>
          <w:tcPr>
            <w:tcW w:w="1033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116602E0" w14:textId="4D5471B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ong support systems</w:t>
            </w:r>
          </w:p>
        </w:tc>
        <w:tc>
          <w:tcPr>
            <w:tcW w:w="562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11890A78" w14:textId="4BA7221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35</w:t>
            </w:r>
          </w:p>
        </w:tc>
        <w:tc>
          <w:tcPr>
            <w:tcW w:w="1080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51634ED2" w14:textId="2CA466E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ong support systems</w:t>
            </w:r>
          </w:p>
        </w:tc>
        <w:tc>
          <w:tcPr>
            <w:tcW w:w="562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69D3B517" w14:textId="1E04D5A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35</w:t>
            </w:r>
          </w:p>
        </w:tc>
      </w:tr>
      <w:tr w:rsidR="002431C7" w:rsidRPr="009C0B0A" w14:paraId="5D8136E3" w14:textId="77777777" w:rsidTr="008D64FD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4B587ADE" w14:textId="7EE18FD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lexible schedule/Free tim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C6E7F7A" w14:textId="6A6CFBE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61D2337" w14:textId="0A8B103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Nothing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6DCE227" w14:textId="22AB51E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2DCBE98" w14:textId="26F7B62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ccess to nutrition/welln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988B18B" w14:textId="457EEAE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8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C102A05" w14:textId="774AD72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lexible schedule/Free tim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328B37E" w14:textId="127A8EB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2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B7AD306" w14:textId="591C152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ccess to nutrition/welln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1FE5663" w14:textId="4BB18FB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6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544D933" w14:textId="498842F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ccess to nutrition/welln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D4D4D13" w14:textId="5168F8D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099299B0" w14:textId="3B9BE2F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lexible schedule/Free time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581EA8DD" w14:textId="1E1B6CA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2B40FB68" w14:textId="3A0CD25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ccess to nutrition/wellness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76F98571" w14:textId="30FEE1D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5</w:t>
            </w:r>
          </w:p>
        </w:tc>
      </w:tr>
      <w:tr w:rsidR="002431C7" w:rsidRPr="009C0B0A" w14:paraId="7EBF02F7" w14:textId="77777777" w:rsidTr="008D64FD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41237F9A" w14:textId="2E59618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ccess to nutrition/welln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9E30852" w14:textId="02097CB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5C2EF4E" w14:textId="13F9028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ccess to nutrition/welln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263620D" w14:textId="50D3D1D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9B5309D" w14:textId="0813386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roximity to essential need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716D119" w14:textId="4DA2722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160A9A9" w14:textId="0D2BE5A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ccess to nutrition/welln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459A2B8" w14:textId="7B5D856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DC43D04" w14:textId="256437B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lexible schedule/Free tim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C65A9EE" w14:textId="75E3377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334E376" w14:textId="0B7CD66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lexible schedule/Free tim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F06CABC" w14:textId="431FA07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629C4FDC" w14:textId="665EAA8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Access to nutrition/wellness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21B0994B" w14:textId="1D23221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0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0EF59B14" w14:textId="18EDF0FB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lexible schedule/Free time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7F4B1704" w14:textId="39B4A87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</w:tr>
      <w:tr w:rsidR="002431C7" w:rsidRPr="009C0B0A" w14:paraId="3EB3BA33" w14:textId="77777777" w:rsidTr="008D64FD">
        <w:trPr>
          <w:trHeight w:val="1056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00E1AA28" w14:textId="35FEB00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tructure/boundaries/intentiona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C496DB6" w14:textId="2D27851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802CD43" w14:textId="52E340B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aterial Security/Insuranc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E89692A" w14:textId="5E3CDBB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8946AB0" w14:textId="6468940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lexible schedule/Free tim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0CDDAA5" w14:textId="6C024BA9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449DDC2" w14:textId="681526D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tructure/boundaries/intentiona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0CD3205" w14:textId="4DD2DC0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B04BBCA" w14:textId="10BAF47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ucture/boundaries/intentiona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FA50349" w14:textId="28D2F3B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87BC543" w14:textId="4F3A898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ucture/boundaries/intentiona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F4B6897" w14:textId="2F5C6DFE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6AF84D1B" w14:textId="58C172A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ucture/boundaries/intentionality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52B3065C" w14:textId="13FE8A5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3907D382" w14:textId="7B42887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roximity to essential needs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7C4A0521" w14:textId="736C03E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</w:tr>
      <w:tr w:rsidR="002431C7" w:rsidRPr="009C0B0A" w14:paraId="72BBE4E8" w14:textId="77777777" w:rsidTr="008D64FD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nil"/>
              <w:right w:val="single" w:sz="4" w:space="0" w:color="D9D9D9"/>
            </w:tcBorders>
          </w:tcPr>
          <w:p w14:paraId="0FFB1012" w14:textId="06B4341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roximity to essential needs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DA43857" w14:textId="602A8A4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5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1012251E" w14:textId="7335E15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Good weather/outdoors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326BCA1" w14:textId="38F356E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18137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5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01F1FF7" w14:textId="1B038FA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aterial Security/Insurance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651A1866" w14:textId="2F1D7826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6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352700CF" w14:textId="0E7F8EF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Nothing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3456D36D" w14:textId="5A32847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5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01F9C85B" w14:textId="6F41A33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Good weather/outdoors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6687F0AC" w14:textId="6C8A750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7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0828D75F" w14:textId="13BBFFC1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Nothing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1DB1CAC" w14:textId="4A9BBE1A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6</w:t>
            </w:r>
          </w:p>
        </w:tc>
        <w:tc>
          <w:tcPr>
            <w:tcW w:w="1033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6DE7BF0F" w14:textId="105880E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Nothing</w:t>
            </w:r>
          </w:p>
        </w:tc>
        <w:tc>
          <w:tcPr>
            <w:tcW w:w="562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6E9994B6" w14:textId="6BCC4FA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080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14EB0A79" w14:textId="4279979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Structure/boundaries/intentionality</w:t>
            </w:r>
          </w:p>
        </w:tc>
        <w:tc>
          <w:tcPr>
            <w:tcW w:w="562" w:type="dxa"/>
            <w:gridSpan w:val="2"/>
            <w:tcBorders>
              <w:left w:val="nil"/>
              <w:bottom w:val="nil"/>
              <w:right w:val="single" w:sz="4" w:space="0" w:color="D9D9D9"/>
            </w:tcBorders>
          </w:tcPr>
          <w:p w14:paraId="17FD7D48" w14:textId="11DFB06F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</w:tr>
    </w:tbl>
    <w:p w14:paraId="2D498980" w14:textId="77777777" w:rsidR="001F4973" w:rsidRDefault="001F4973" w:rsidP="001F4973"/>
    <w:p w14:paraId="792CB8A8" w14:textId="77777777" w:rsidR="001F4973" w:rsidRDefault="001F4973" w:rsidP="001F4973"/>
    <w:p w14:paraId="323BF644" w14:textId="77777777" w:rsidR="001F4973" w:rsidRDefault="001F4973"/>
    <w:p w14:paraId="7A3F7363" w14:textId="77777777" w:rsidR="001F4973" w:rsidRDefault="001F4973"/>
    <w:p w14:paraId="37C31FC0" w14:textId="77777777" w:rsidR="001F4973" w:rsidRDefault="001F4973"/>
    <w:p w14:paraId="1B7A28FB" w14:textId="77777777" w:rsidR="001F4973" w:rsidRDefault="001F4973"/>
    <w:p w14:paraId="1250B3F2" w14:textId="77777777" w:rsidR="001F4973" w:rsidRDefault="001F4973"/>
    <w:p w14:paraId="65BEB702" w14:textId="37841A0D" w:rsidR="001F4973" w:rsidRDefault="001F4973" w:rsidP="00086231">
      <w:pPr>
        <w:spacing w:line="276" w:lineRule="auto"/>
        <w:ind w:hanging="360"/>
        <w:contextualSpacing/>
        <w:rPr>
          <w:rFonts w:ascii="Times New Roman" w:hAnsi="Times New Roman" w:cs="Times New Roman"/>
        </w:rPr>
      </w:pPr>
      <w:r w:rsidRPr="007A3B7E">
        <w:rPr>
          <w:rFonts w:ascii="Times New Roman" w:hAnsi="Times New Roman" w:cs="Times New Roman"/>
          <w:b/>
          <w:bCs/>
        </w:rPr>
        <w:t>Table 3</w:t>
      </w:r>
      <w:r>
        <w:rPr>
          <w:rFonts w:ascii="Times New Roman" w:hAnsi="Times New Roman" w:cs="Times New Roman"/>
          <w:b/>
          <w:bCs/>
        </w:rPr>
        <w:t xml:space="preserve"> (Continued).</w:t>
      </w:r>
      <w:r w:rsidRPr="007A3B7E">
        <w:rPr>
          <w:rFonts w:ascii="Times New Roman" w:hAnsi="Times New Roman" w:cs="Times New Roman"/>
          <w:b/>
          <w:bCs/>
        </w:rPr>
        <w:t xml:space="preserve"> </w:t>
      </w:r>
      <w:r>
        <w:rPr>
          <w:rFonts w:ascii="Times New Roman" w:hAnsi="Times New Roman" w:cs="Times New Roman"/>
        </w:rPr>
        <w:t xml:space="preserve">Responses to </w:t>
      </w:r>
      <w:proofErr w:type="spellStart"/>
      <w:r>
        <w:rPr>
          <w:rFonts w:ascii="Times New Roman" w:hAnsi="Times New Roman" w:cs="Times New Roman"/>
        </w:rPr>
        <w:t>Freelist</w:t>
      </w:r>
      <w:proofErr w:type="spellEnd"/>
      <w:r>
        <w:rPr>
          <w:rFonts w:ascii="Times New Roman" w:hAnsi="Times New Roman" w:cs="Times New Roman"/>
        </w:rPr>
        <w:t xml:space="preserve"> Interview Questions by Nationality, Age, Gender, Race, and Academic Level (Question 6)</w:t>
      </w:r>
    </w:p>
    <w:p w14:paraId="607FC1B5" w14:textId="77777777" w:rsidR="001F4973" w:rsidRDefault="001F4973" w:rsidP="001F4973"/>
    <w:tbl>
      <w:tblPr>
        <w:tblW w:w="14600" w:type="dxa"/>
        <w:tblInd w:w="-740" w:type="dxa"/>
        <w:tblLayout w:type="fixed"/>
        <w:tblCellMar>
          <w:left w:w="101" w:type="dxa"/>
          <w:right w:w="101" w:type="dxa"/>
        </w:tblCellMar>
        <w:tblLook w:val="04A0" w:firstRow="1" w:lastRow="0" w:firstColumn="1" w:lastColumn="0" w:noHBand="0" w:noVBand="1"/>
      </w:tblPr>
      <w:tblGrid>
        <w:gridCol w:w="1316"/>
        <w:gridCol w:w="561"/>
        <w:gridCol w:w="1317"/>
        <w:gridCol w:w="561"/>
        <w:gridCol w:w="1317"/>
        <w:gridCol w:w="561"/>
        <w:gridCol w:w="1367"/>
        <w:gridCol w:w="561"/>
        <w:gridCol w:w="1317"/>
        <w:gridCol w:w="561"/>
        <w:gridCol w:w="1317"/>
        <w:gridCol w:w="561"/>
        <w:gridCol w:w="1017"/>
        <w:gridCol w:w="16"/>
        <w:gridCol w:w="501"/>
        <w:gridCol w:w="61"/>
        <w:gridCol w:w="1058"/>
        <w:gridCol w:w="22"/>
        <w:gridCol w:w="608"/>
      </w:tblGrid>
      <w:tr w:rsidR="001F4973" w:rsidRPr="009C0B0A" w14:paraId="63172EA5" w14:textId="77777777" w:rsidTr="007414DD">
        <w:trPr>
          <w:trHeight w:val="264"/>
        </w:trPr>
        <w:tc>
          <w:tcPr>
            <w:tcW w:w="3755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03731DE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ationality</w:t>
            </w:r>
          </w:p>
        </w:tc>
        <w:tc>
          <w:tcPr>
            <w:tcW w:w="380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080E7D2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ex</w:t>
            </w:r>
          </w:p>
        </w:tc>
        <w:tc>
          <w:tcPr>
            <w:tcW w:w="3756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C4A126B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ace</w:t>
            </w:r>
          </w:p>
        </w:tc>
        <w:tc>
          <w:tcPr>
            <w:tcW w:w="3283" w:type="dxa"/>
            <w:gridSpan w:val="7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70B17660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cademic Level</w:t>
            </w:r>
          </w:p>
        </w:tc>
      </w:tr>
      <w:tr w:rsidR="001F4973" w:rsidRPr="009C0B0A" w14:paraId="1122442A" w14:textId="77777777" w:rsidTr="007414DD">
        <w:trPr>
          <w:trHeight w:val="264"/>
        </w:trPr>
        <w:tc>
          <w:tcPr>
            <w:tcW w:w="1877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B654DD5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S</w:t>
            </w:r>
          </w:p>
        </w:tc>
        <w:tc>
          <w:tcPr>
            <w:tcW w:w="1878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8678858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International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6E67900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M</w:t>
            </w: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ale</w:t>
            </w:r>
          </w:p>
        </w:tc>
        <w:tc>
          <w:tcPr>
            <w:tcW w:w="192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2BCD775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Femal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1A270E7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White</w:t>
            </w:r>
          </w:p>
        </w:tc>
        <w:tc>
          <w:tcPr>
            <w:tcW w:w="1878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FD2401B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Non-White</w:t>
            </w:r>
          </w:p>
        </w:tc>
        <w:tc>
          <w:tcPr>
            <w:tcW w:w="1534" w:type="dxa"/>
            <w:gridSpan w:val="3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FF2451E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Graduate</w:t>
            </w:r>
          </w:p>
        </w:tc>
        <w:tc>
          <w:tcPr>
            <w:tcW w:w="1749" w:type="dxa"/>
            <w:gridSpan w:val="4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4C526CBC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Undergraduate</w:t>
            </w:r>
          </w:p>
        </w:tc>
      </w:tr>
      <w:tr w:rsidR="001F4973" w:rsidRPr="009C0B0A" w14:paraId="07BBDC04" w14:textId="77777777" w:rsidTr="007414DD">
        <w:trPr>
          <w:trHeight w:val="264"/>
        </w:trPr>
        <w:tc>
          <w:tcPr>
            <w:tcW w:w="1316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A9DA6E5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D187C67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F6953C1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6BF193C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C37F208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94CF193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7DC77FB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FF3C161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54EA756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5768D3E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0157F3C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3BED001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9C0B0A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017" w:type="dxa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6A3E7A79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517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79ED5210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  <w:tc>
          <w:tcPr>
            <w:tcW w:w="1119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20723569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Response</w:t>
            </w:r>
          </w:p>
        </w:tc>
        <w:tc>
          <w:tcPr>
            <w:tcW w:w="63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5877D1E3" w14:textId="77777777" w:rsidR="001F4973" w:rsidRPr="009C0B0A" w:rsidRDefault="001F4973" w:rsidP="00382B35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SSI</w:t>
            </w:r>
          </w:p>
        </w:tc>
      </w:tr>
      <w:tr w:rsidR="001F4973" w:rsidRPr="009C0B0A" w14:paraId="51E800BC" w14:textId="77777777" w:rsidTr="007414DD">
        <w:trPr>
          <w:trHeight w:val="264"/>
        </w:trPr>
        <w:tc>
          <w:tcPr>
            <w:tcW w:w="14600" w:type="dxa"/>
            <w:gridSpan w:val="19"/>
            <w:tcBorders>
              <w:top w:val="nil"/>
              <w:left w:val="nil"/>
              <w:bottom w:val="nil"/>
              <w:right w:val="nil"/>
            </w:tcBorders>
            <w:vAlign w:val="bottom"/>
          </w:tcPr>
          <w:p w14:paraId="4CF4442B" w14:textId="3B19F3D0" w:rsidR="001F4973" w:rsidRPr="009C0B0A" w:rsidRDefault="001F4973" w:rsidP="001F4973">
            <w:pPr>
              <w:spacing w:after="0" w:line="240" w:lineRule="auto"/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</w:pPr>
            <w:r w:rsidRPr="00BE65EC">
              <w:rPr>
                <w:rFonts w:ascii="Times New Roman" w:eastAsia="Times New Roman" w:hAnsi="Times New Roman" w:cs="Times New Roman"/>
                <w:b/>
                <w:bCs/>
                <w:color w:val="000000"/>
                <w:kern w:val="0"/>
                <w:sz w:val="20"/>
                <w:szCs w:val="20"/>
                <w14:ligatures w14:val="none"/>
              </w:rPr>
              <w:t>Question 6: Please list all the things you think the university can do to support student health in these times.</w:t>
            </w:r>
          </w:p>
        </w:tc>
      </w:tr>
      <w:tr w:rsidR="002431C7" w:rsidRPr="009C0B0A" w14:paraId="2971F0F4" w14:textId="77777777" w:rsidTr="007965E9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4C710157" w14:textId="001F97A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Mental health/Health resourc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64D46AA" w14:textId="669BEEB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D9CBC59" w14:textId="7C32B87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Didactic improvemen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0F2A550" w14:textId="4847881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7BC8EA7" w14:textId="080D6BA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Health resourc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7B99D66" w14:textId="47208B08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9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6D81351" w14:textId="3C328F2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Health resourc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A69EC48" w14:textId="1B1155D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C9A6889" w14:textId="1124B97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Health resourc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AA93C91" w14:textId="4070F809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985569F" w14:textId="0066FF3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Health resourc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B590AB2" w14:textId="18A2669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2</w:t>
            </w:r>
          </w:p>
        </w:tc>
        <w:tc>
          <w:tcPr>
            <w:tcW w:w="1033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51FC2EF2" w14:textId="4E05856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proofErr w:type="gramStart"/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-health</w:t>
            </w:r>
            <w:proofErr w:type="gramEnd"/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/health resources</w:t>
            </w:r>
          </w:p>
        </w:tc>
        <w:tc>
          <w:tcPr>
            <w:tcW w:w="562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52A1E37D" w14:textId="25C3A5A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0</w:t>
            </w:r>
          </w:p>
        </w:tc>
        <w:tc>
          <w:tcPr>
            <w:tcW w:w="1080" w:type="dxa"/>
            <w:gridSpan w:val="2"/>
            <w:tcBorders>
              <w:top w:val="nil"/>
              <w:left w:val="nil"/>
              <w:right w:val="single" w:sz="4" w:space="0" w:color="D9D9D9"/>
            </w:tcBorders>
          </w:tcPr>
          <w:p w14:paraId="27A109A1" w14:textId="58F5900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Mental health/Health resources</w:t>
            </w:r>
          </w:p>
        </w:tc>
        <w:tc>
          <w:tcPr>
            <w:tcW w:w="608" w:type="dxa"/>
            <w:tcBorders>
              <w:top w:val="nil"/>
              <w:left w:val="nil"/>
              <w:right w:val="single" w:sz="4" w:space="0" w:color="D9D9D9"/>
            </w:tcBorders>
          </w:tcPr>
          <w:p w14:paraId="67FB2972" w14:textId="016DD91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23</w:t>
            </w:r>
          </w:p>
        </w:tc>
      </w:tr>
      <w:tr w:rsidR="002431C7" w:rsidRPr="009C0B0A" w14:paraId="40E9FFEB" w14:textId="77777777" w:rsidTr="007965E9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133581C2" w14:textId="5709890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ransparent communication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6BF9D09" w14:textId="283D53B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FF82687" w14:textId="40DB70E4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Include in conversation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DEAF516" w14:textId="4DC859E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3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9C94A7F" w14:textId="05E744C7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ood accessibi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A3BCD90" w14:textId="15AFF3D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34A0EF1" w14:textId="7AAA5E3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ransparent communication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B2BF02C" w14:textId="102B522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5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FA9796F" w14:textId="48ECA09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ransparent communication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3A49308" w14:textId="0F4EE89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4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BA96F8C" w14:textId="0A5A683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ransparent communication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E293F4D" w14:textId="24F68B85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2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7F6E471C" w14:textId="44DC5A6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ransparent communication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44AAEAB8" w14:textId="37346D5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6BFB5DE5" w14:textId="5FA3282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ransparent communication</w:t>
            </w:r>
          </w:p>
        </w:tc>
        <w:tc>
          <w:tcPr>
            <w:tcW w:w="608" w:type="dxa"/>
            <w:tcBorders>
              <w:left w:val="nil"/>
              <w:right w:val="single" w:sz="4" w:space="0" w:color="D9D9D9"/>
            </w:tcBorders>
          </w:tcPr>
          <w:p w14:paraId="254E1E38" w14:textId="18249A2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8</w:t>
            </w:r>
          </w:p>
        </w:tc>
      </w:tr>
      <w:tr w:rsidR="002431C7" w:rsidRPr="009C0B0A" w14:paraId="7BEB5154" w14:textId="77777777" w:rsidTr="00541E16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6C0BAF56" w14:textId="23D9D31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ood accessibi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75275B3" w14:textId="53C074C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  <w:shd w:val="clear" w:color="auto" w:fill="E59EDC" w:themeFill="accent5" w:themeFillTint="66"/>
          </w:tcPr>
          <w:p w14:paraId="517A0674" w14:textId="3D86B591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Safeguard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1567358" w14:textId="1A2EED0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C93E3B0" w14:textId="144643B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Include in conversation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092C648" w14:textId="1A2B1A1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2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29CD8F00" w14:textId="74ECA99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inancial suppor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DF3BA7B" w14:textId="68FA90E2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A45E577" w14:textId="38D992D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Gym acces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680C579" w14:textId="1E3C3CD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0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5247220" w14:textId="495C70B4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541E1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Include in conversation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23AEDD3" w14:textId="0E710E29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1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19C273F9" w14:textId="5483DC0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ood accessibility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53E7D366" w14:textId="342EA79E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7FA5D5E1" w14:textId="1147F7D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541E1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Include in conversations</w:t>
            </w:r>
          </w:p>
        </w:tc>
        <w:tc>
          <w:tcPr>
            <w:tcW w:w="608" w:type="dxa"/>
            <w:tcBorders>
              <w:left w:val="nil"/>
              <w:right w:val="single" w:sz="4" w:space="0" w:color="D9D9D9"/>
            </w:tcBorders>
          </w:tcPr>
          <w:p w14:paraId="180B132D" w14:textId="7AAF009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4</w:t>
            </w:r>
          </w:p>
        </w:tc>
      </w:tr>
      <w:tr w:rsidR="002431C7" w:rsidRPr="009C0B0A" w14:paraId="4DA8E2F1" w14:textId="77777777" w:rsidTr="007965E9">
        <w:trPr>
          <w:trHeight w:val="1056"/>
        </w:trPr>
        <w:tc>
          <w:tcPr>
            <w:tcW w:w="1316" w:type="dxa"/>
            <w:tcBorders>
              <w:top w:val="nil"/>
              <w:left w:val="single" w:sz="4" w:space="0" w:color="D9D9D9"/>
              <w:bottom w:val="single" w:sz="4" w:space="0" w:color="D9D9D9"/>
              <w:right w:val="single" w:sz="4" w:space="0" w:color="D9D9D9"/>
            </w:tcBorders>
          </w:tcPr>
          <w:p w14:paraId="0D9BF543" w14:textId="76830405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Include in conversation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331CB4A0" w14:textId="194D017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6F4A3B2F" w14:textId="73F0543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inancial support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DCD6AD8" w14:textId="66D4CC93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1C88A22F" w14:textId="66A15B0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romote resourc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0C2A404" w14:textId="3C636703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9</w:t>
            </w:r>
          </w:p>
        </w:tc>
        <w:tc>
          <w:tcPr>
            <w:tcW w:w="136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061AF71D" w14:textId="3633B2D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Include in conversation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386B5DA" w14:textId="6F951739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1FB4D60" w14:textId="0DE29DEB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romote resources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50D44C44" w14:textId="7969F0E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</w:t>
            </w:r>
            <w:r w:rsidR="00C7615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9</w:t>
            </w:r>
          </w:p>
        </w:tc>
        <w:tc>
          <w:tcPr>
            <w:tcW w:w="1317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7B7EB839" w14:textId="7A5C7B20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541E1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Food accessibility</w:t>
            </w:r>
          </w:p>
        </w:tc>
        <w:tc>
          <w:tcPr>
            <w:tcW w:w="561" w:type="dxa"/>
            <w:tcBorders>
              <w:top w:val="nil"/>
              <w:left w:val="nil"/>
              <w:bottom w:val="single" w:sz="4" w:space="0" w:color="D9D9D9"/>
              <w:right w:val="single" w:sz="4" w:space="0" w:color="D9D9D9"/>
            </w:tcBorders>
          </w:tcPr>
          <w:p w14:paraId="476E55A6" w14:textId="2238FA5C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0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6ED88D5B" w14:textId="619DF45A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541E1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Gym access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04B3C3EA" w14:textId="64B8F23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7F6F9230" w14:textId="10FC029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ood accessibility</w:t>
            </w:r>
          </w:p>
        </w:tc>
        <w:tc>
          <w:tcPr>
            <w:tcW w:w="608" w:type="dxa"/>
            <w:tcBorders>
              <w:left w:val="nil"/>
              <w:right w:val="single" w:sz="4" w:space="0" w:color="D9D9D9"/>
            </w:tcBorders>
          </w:tcPr>
          <w:p w14:paraId="764845C1" w14:textId="26B5F6F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11</w:t>
            </w:r>
          </w:p>
        </w:tc>
      </w:tr>
      <w:tr w:rsidR="002431C7" w:rsidRPr="009C0B0A" w14:paraId="0CB49E4B" w14:textId="77777777" w:rsidTr="00086231">
        <w:trPr>
          <w:trHeight w:val="792"/>
        </w:trPr>
        <w:tc>
          <w:tcPr>
            <w:tcW w:w="1316" w:type="dxa"/>
            <w:tcBorders>
              <w:top w:val="nil"/>
              <w:left w:val="single" w:sz="4" w:space="0" w:color="D9D9D9"/>
              <w:bottom w:val="nil"/>
              <w:right w:val="single" w:sz="4" w:space="0" w:color="D9D9D9"/>
            </w:tcBorders>
          </w:tcPr>
          <w:p w14:paraId="63170BB2" w14:textId="1B3E33A6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romote resources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062884D5" w14:textId="4D273DA0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5B7C98B3" w14:textId="65DC9CD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ransparent communication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55FAE324" w14:textId="6673B6A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52008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14E8CD4C" w14:textId="572E5D02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Transparent communication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4218A1B2" w14:textId="4C73B30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6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45FFEF46" w14:textId="7860D4F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Food accessibility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068B2075" w14:textId="45A8DFD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047ABF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6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  <w:shd w:val="clear" w:color="auto" w:fill="E59EDC" w:themeFill="accent5" w:themeFillTint="66"/>
          </w:tcPr>
          <w:p w14:paraId="2268DBAF" w14:textId="49D0FE1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8C3733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Nothing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2BC07E60" w14:textId="704ABD27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8</w:t>
            </w:r>
          </w:p>
        </w:tc>
        <w:tc>
          <w:tcPr>
            <w:tcW w:w="1317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12BCEC63" w14:textId="48EC720F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541E1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Didactic improvement</w:t>
            </w:r>
          </w:p>
        </w:tc>
        <w:tc>
          <w:tcPr>
            <w:tcW w:w="561" w:type="dxa"/>
            <w:tcBorders>
              <w:top w:val="nil"/>
              <w:left w:val="nil"/>
              <w:bottom w:val="nil"/>
              <w:right w:val="single" w:sz="4" w:space="0" w:color="D9D9D9"/>
            </w:tcBorders>
          </w:tcPr>
          <w:p w14:paraId="74C55EB0" w14:textId="7EE96F7D" w:rsidR="002431C7" w:rsidRPr="009C0B0A" w:rsidRDefault="002431C7" w:rsidP="002431C7">
            <w:pPr>
              <w:spacing w:after="0" w:line="240" w:lineRule="auto"/>
              <w:jc w:val="right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2431C7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033" w:type="dxa"/>
            <w:gridSpan w:val="2"/>
            <w:tcBorders>
              <w:left w:val="nil"/>
              <w:right w:val="single" w:sz="4" w:space="0" w:color="D9D9D9"/>
            </w:tcBorders>
          </w:tcPr>
          <w:p w14:paraId="52CE8624" w14:textId="03B416C9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541E1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Didactic improvement</w:t>
            </w:r>
          </w:p>
        </w:tc>
        <w:tc>
          <w:tcPr>
            <w:tcW w:w="562" w:type="dxa"/>
            <w:gridSpan w:val="2"/>
            <w:tcBorders>
              <w:left w:val="nil"/>
              <w:right w:val="single" w:sz="4" w:space="0" w:color="D9D9D9"/>
            </w:tcBorders>
          </w:tcPr>
          <w:p w14:paraId="57FCE4D3" w14:textId="26304B4C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  <w:tc>
          <w:tcPr>
            <w:tcW w:w="1080" w:type="dxa"/>
            <w:gridSpan w:val="2"/>
            <w:tcBorders>
              <w:left w:val="nil"/>
              <w:right w:val="single" w:sz="4" w:space="0" w:color="D9D9D9"/>
            </w:tcBorders>
          </w:tcPr>
          <w:p w14:paraId="1BE35303" w14:textId="2EFC54FD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541E16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:highlight w:val="cyan"/>
                <w14:ligatures w14:val="none"/>
              </w:rPr>
              <w:t>Promote resources</w:t>
            </w:r>
          </w:p>
        </w:tc>
        <w:tc>
          <w:tcPr>
            <w:tcW w:w="608" w:type="dxa"/>
            <w:tcBorders>
              <w:left w:val="nil"/>
              <w:right w:val="single" w:sz="4" w:space="0" w:color="D9D9D9"/>
            </w:tcBorders>
          </w:tcPr>
          <w:p w14:paraId="7AF46431" w14:textId="30F600B8" w:rsidR="002431C7" w:rsidRPr="009C0B0A" w:rsidRDefault="002431C7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 w:rsidRPr="007414DD"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0.07</w:t>
            </w:r>
          </w:p>
        </w:tc>
      </w:tr>
      <w:tr w:rsidR="00086231" w:rsidRPr="009C0B0A" w14:paraId="00B5CE16" w14:textId="77777777" w:rsidTr="00120550">
        <w:trPr>
          <w:trHeight w:val="792"/>
        </w:trPr>
        <w:tc>
          <w:tcPr>
            <w:tcW w:w="14600" w:type="dxa"/>
            <w:gridSpan w:val="19"/>
            <w:tcBorders>
              <w:top w:val="nil"/>
              <w:left w:val="single" w:sz="4" w:space="0" w:color="D9D9D9"/>
              <w:bottom w:val="nil"/>
              <w:right w:val="single" w:sz="4" w:space="0" w:color="D9D9D9"/>
            </w:tcBorders>
          </w:tcPr>
          <w:p w14:paraId="00A2CD97" w14:textId="71BA4B14" w:rsidR="00086231" w:rsidRPr="007414DD" w:rsidRDefault="00086231" w:rsidP="002431C7">
            <w:pPr>
              <w:spacing w:after="0" w:line="240" w:lineRule="auto"/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</w:pPr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 xml:space="preserve">Note: Blue highlights are items that </w:t>
            </w:r>
            <w:proofErr w:type="gramStart"/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different</w:t>
            </w:r>
            <w:proofErr w:type="gramEnd"/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 xml:space="preserve"> in between group analyses and purple highlights are items that </w:t>
            </w:r>
            <w:proofErr w:type="gramStart"/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>were</w:t>
            </w:r>
            <w:proofErr w:type="gramEnd"/>
            <w:r>
              <w:rPr>
                <w:rFonts w:ascii="Times New Roman" w:eastAsia="Times New Roman" w:hAnsi="Times New Roman" w:cs="Times New Roman"/>
                <w:color w:val="000000"/>
                <w:kern w:val="0"/>
                <w:sz w:val="20"/>
                <w:szCs w:val="20"/>
                <w14:ligatures w14:val="none"/>
              </w:rPr>
              <w:t xml:space="preserve"> unique across all groups. </w:t>
            </w:r>
          </w:p>
        </w:tc>
      </w:tr>
    </w:tbl>
    <w:p w14:paraId="08296BB5" w14:textId="77777777" w:rsidR="001F4973" w:rsidRDefault="001F4973" w:rsidP="001F4973"/>
    <w:p w14:paraId="3815A4AB" w14:textId="77777777" w:rsidR="001F4973" w:rsidRDefault="001F4973" w:rsidP="001F4973"/>
    <w:p w14:paraId="315B0A84" w14:textId="77777777" w:rsidR="001F4973" w:rsidRDefault="001F4973" w:rsidP="001F4973"/>
    <w:p w14:paraId="42161F61" w14:textId="77777777" w:rsidR="001F4973" w:rsidRDefault="001F4973"/>
    <w:sectPr w:rsidR="001F4973" w:rsidSect="00EC4690">
      <w:pgSz w:w="15840" w:h="12240" w:orient="landscape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7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D1C7C"/>
    <w:rsid w:val="000474FA"/>
    <w:rsid w:val="00047ABF"/>
    <w:rsid w:val="00086231"/>
    <w:rsid w:val="00181378"/>
    <w:rsid w:val="00194295"/>
    <w:rsid w:val="001D7A66"/>
    <w:rsid w:val="001F4973"/>
    <w:rsid w:val="0020398B"/>
    <w:rsid w:val="00237E20"/>
    <w:rsid w:val="002431C7"/>
    <w:rsid w:val="00252008"/>
    <w:rsid w:val="00261E2C"/>
    <w:rsid w:val="002745EB"/>
    <w:rsid w:val="002E06B6"/>
    <w:rsid w:val="00381B4B"/>
    <w:rsid w:val="00387801"/>
    <w:rsid w:val="003D23BE"/>
    <w:rsid w:val="00405758"/>
    <w:rsid w:val="00460D71"/>
    <w:rsid w:val="00486215"/>
    <w:rsid w:val="004B58F5"/>
    <w:rsid w:val="00541E16"/>
    <w:rsid w:val="00570DD0"/>
    <w:rsid w:val="005F2655"/>
    <w:rsid w:val="00610347"/>
    <w:rsid w:val="00664547"/>
    <w:rsid w:val="006D1C7C"/>
    <w:rsid w:val="006D270C"/>
    <w:rsid w:val="006F0EAE"/>
    <w:rsid w:val="007414DD"/>
    <w:rsid w:val="00764F1C"/>
    <w:rsid w:val="007A2B66"/>
    <w:rsid w:val="007A6D4A"/>
    <w:rsid w:val="007E6D10"/>
    <w:rsid w:val="0087216E"/>
    <w:rsid w:val="00887EEF"/>
    <w:rsid w:val="008C15E8"/>
    <w:rsid w:val="008C3733"/>
    <w:rsid w:val="00902A11"/>
    <w:rsid w:val="00963534"/>
    <w:rsid w:val="009636C6"/>
    <w:rsid w:val="0098362F"/>
    <w:rsid w:val="009C214E"/>
    <w:rsid w:val="009C3952"/>
    <w:rsid w:val="00A135EE"/>
    <w:rsid w:val="00AF49CF"/>
    <w:rsid w:val="00B51323"/>
    <w:rsid w:val="00BD3FD8"/>
    <w:rsid w:val="00BE65EC"/>
    <w:rsid w:val="00C53EDC"/>
    <w:rsid w:val="00C76158"/>
    <w:rsid w:val="00CF3703"/>
    <w:rsid w:val="00D64B04"/>
    <w:rsid w:val="00E040AE"/>
    <w:rsid w:val="00E615BC"/>
    <w:rsid w:val="00EC4690"/>
    <w:rsid w:val="00EE1DFB"/>
    <w:rsid w:val="00F26879"/>
    <w:rsid w:val="00F6433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54054232"/>
  <w15:chartTrackingRefBased/>
  <w15:docId w15:val="{348E7649-1FE4-4696-A332-9E12143D00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51323"/>
  </w:style>
  <w:style w:type="paragraph" w:styleId="Heading1">
    <w:name w:val="heading 1"/>
    <w:basedOn w:val="Normal"/>
    <w:next w:val="Normal"/>
    <w:link w:val="Heading1Char"/>
    <w:uiPriority w:val="9"/>
    <w:qFormat/>
    <w:rsid w:val="00E615BC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615BC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E615BC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E615BC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E615BC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E615BC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E615BC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E615BC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E615BC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E615BC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615BC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E615BC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E615BC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E615BC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E615BC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E615BC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E615BC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E615BC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E615BC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E615BC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615BC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E615BC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E615BC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E615BC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E615BC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E615BC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615BC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615BC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E615BC"/>
    <w:rPr>
      <w:b/>
      <w:bCs/>
      <w:smallCaps/>
      <w:color w:val="0F4761" w:themeColor="accent1" w:themeShade="BF"/>
      <w:spacing w:val="5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eddems\AppData\Local\Temp\Templafy\WordVsto\dhnqohw2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Word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ADC7A1C-4E43-468D-A430-C8CC05634F38}">
  <ds:schemaRefs/>
</ds:datastoreItem>
</file>

<file path=customXml/itemProps2.xml><?xml version="1.0" encoding="utf-8"?>
<ds:datastoreItem xmlns:ds="http://schemas.openxmlformats.org/officeDocument/2006/customXml" ds:itemID="{3D05A4D3-D02B-487D-B853-9DFE75376B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hnqohw2</Template>
  <TotalTime>5</TotalTime>
  <Pages>6</Pages>
  <Words>1278</Words>
  <Characters>8731</Characters>
  <Application>Microsoft Office Word</Application>
  <DocSecurity>0</DocSecurity>
  <Lines>1091</Lines>
  <Paragraphs>71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Penn Medicine</Company>
  <LinksUpToDate>false</LinksUpToDate>
  <CharactersWithSpaces>929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eddem, Shimrit</dc:creator>
  <cp:keywords/>
  <dc:description/>
  <cp:lastModifiedBy>Keddem, Shimrit</cp:lastModifiedBy>
  <cp:revision>3</cp:revision>
  <dcterms:created xsi:type="dcterms:W3CDTF">2025-12-12T14:56:00Z</dcterms:created>
  <dcterms:modified xsi:type="dcterms:W3CDTF">2025-12-12T15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ennmedicine</vt:lpwstr>
  </property>
  <property fmtid="{D5CDD505-2E9C-101B-9397-08002B2CF9AE}" pid="3" name="TemplafyTemplateId">
    <vt:lpwstr>1001012883652608912</vt:lpwstr>
  </property>
  <property fmtid="{D5CDD505-2E9C-101B-9397-08002B2CF9AE}" pid="4" name="TemplafyUserProfileId">
    <vt:lpwstr>1107915229530423353</vt:lpwstr>
  </property>
  <property fmtid="{D5CDD505-2E9C-101B-9397-08002B2CF9AE}" pid="5" name="TemplafyFromBlank">
    <vt:bool>true</vt:bool>
  </property>
</Properties>
</file>